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2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3.xml" ContentType="application/vnd.openxmlformats-officedocument.presentationml.notesSlide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diagrams/data5.xml" ContentType="application/vnd.openxmlformats-officedocument.drawingml.diagramData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notesSlides/notesSlide7.xml" ContentType="application/vnd.openxmlformats-officedocument.presentationml.notesSlide+xml"/>
  <Override PartName="/ppt/diagrams/data6.xml" ContentType="application/vnd.openxmlformats-officedocument.drawingml.diagramData+xml"/>
  <Override PartName="/ppt/diagrams/layout6.xml" ContentType="application/vnd.openxmlformats-officedocument.drawingml.diagramLayout+xml"/>
  <Override PartName="/ppt/diagrams/quickStyle6.xml" ContentType="application/vnd.openxmlformats-officedocument.drawingml.diagramStyle+xml"/>
  <Override PartName="/ppt/diagrams/colors6.xml" ContentType="application/vnd.openxmlformats-officedocument.drawingml.diagramColors+xml"/>
  <Override PartName="/ppt/diagrams/drawing6.xml" ContentType="application/vnd.ms-office.drawingml.diagramDrawing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36"/>
  </p:notesMasterIdLst>
  <p:sldIdLst>
    <p:sldId id="257" r:id="rId9"/>
    <p:sldId id="320" r:id="rId10"/>
    <p:sldId id="321" r:id="rId11"/>
    <p:sldId id="322" r:id="rId12"/>
    <p:sldId id="323" r:id="rId13"/>
    <p:sldId id="324" r:id="rId14"/>
    <p:sldId id="325" r:id="rId15"/>
    <p:sldId id="337" r:id="rId16"/>
    <p:sldId id="326" r:id="rId17"/>
    <p:sldId id="349" r:id="rId18"/>
    <p:sldId id="340" r:id="rId19"/>
    <p:sldId id="343" r:id="rId20"/>
    <p:sldId id="345" r:id="rId21"/>
    <p:sldId id="348" r:id="rId22"/>
    <p:sldId id="327" r:id="rId23"/>
    <p:sldId id="328" r:id="rId24"/>
    <p:sldId id="329" r:id="rId25"/>
    <p:sldId id="330" r:id="rId26"/>
    <p:sldId id="331" r:id="rId27"/>
    <p:sldId id="332" r:id="rId28"/>
    <p:sldId id="333" r:id="rId29"/>
    <p:sldId id="346" r:id="rId30"/>
    <p:sldId id="347" r:id="rId31"/>
    <p:sldId id="334" r:id="rId32"/>
    <p:sldId id="335" r:id="rId33"/>
    <p:sldId id="336" r:id="rId34"/>
    <p:sldId id="319" r:id="rId3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7391191C-9314-4323-BC0A-64604AC52BA1}">
          <p14:sldIdLst>
            <p14:sldId id="257"/>
            <p14:sldId id="320"/>
          </p14:sldIdLst>
        </p14:section>
        <p14:section name="Kafka introduction" id="{90A6F442-A0A2-7F4B-A01B-6C075731A69F}">
          <p14:sldIdLst>
            <p14:sldId id="321"/>
            <p14:sldId id="322"/>
            <p14:sldId id="323"/>
            <p14:sldId id="324"/>
            <p14:sldId id="325"/>
            <p14:sldId id="337"/>
            <p14:sldId id="326"/>
            <p14:sldId id="349"/>
            <p14:sldId id="340"/>
            <p14:sldId id="343"/>
            <p14:sldId id="345"/>
            <p14:sldId id="348"/>
          </p14:sldIdLst>
        </p14:section>
        <p14:section name="Docker compose" id="{691E4853-E6BF-9A41-8366-A2A4D6F84034}">
          <p14:sldIdLst>
            <p14:sldId id="327"/>
          </p14:sldIdLst>
        </p14:section>
        <p14:section name="Kafka Exercises" id="{0F5A18FD-8D9F-1847-8A84-C738FF15FF21}">
          <p14:sldIdLst>
            <p14:sldId id="328"/>
            <p14:sldId id="329"/>
            <p14:sldId id="330"/>
            <p14:sldId id="331"/>
            <p14:sldId id="332"/>
            <p14:sldId id="333"/>
            <p14:sldId id="346"/>
            <p14:sldId id="347"/>
          </p14:sldIdLst>
        </p14:section>
        <p14:section name="Architecture Exercises" id="{62A38AEA-0067-0A41-9647-49FF2F8C801B}">
          <p14:sldIdLst>
            <p14:sldId id="334"/>
            <p14:sldId id="335"/>
            <p14:sldId id="336"/>
          </p14:sldIdLst>
        </p14:section>
        <p14:section name="End" id="{8B4FA2D0-E2C8-4953-B4E3-1939D4BE2D56}">
          <p14:sldIdLst>
            <p14:sldId id="319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50CC1C7-5E16-3C42-9643-52B989613ADD}" v="141" dt="2023-02-07T14:37:57.87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7674" autoAdjust="0"/>
    <p:restoredTop sz="97040" autoAdjust="0"/>
  </p:normalViewPr>
  <p:slideViewPr>
    <p:cSldViewPr snapToGrid="0" showGuides="1">
      <p:cViewPr varScale="1">
        <p:scale>
          <a:sx n="217" d="100"/>
          <a:sy n="217" d="100"/>
        </p:scale>
        <p:origin x="1112" y="168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slide" Target="slides/slide18.xml"/><Relationship Id="rId39" Type="http://schemas.openxmlformats.org/officeDocument/2006/relationships/theme" Target="theme/theme1.xml"/><Relationship Id="rId21" Type="http://schemas.openxmlformats.org/officeDocument/2006/relationships/slide" Target="slides/slide13.xml"/><Relationship Id="rId34" Type="http://schemas.openxmlformats.org/officeDocument/2006/relationships/slide" Target="slides/slide26.xml"/><Relationship Id="rId42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slide" Target="slides/slide21.xml"/><Relationship Id="rId41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slide" Target="slides/slide24.xml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slide" Target="slides/slide20.xml"/><Relationship Id="rId36" Type="http://schemas.openxmlformats.org/officeDocument/2006/relationships/notesMaster" Target="notesMasters/notesMaster1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slide" Target="slides/slide23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slide" Target="slides/slide19.xml"/><Relationship Id="rId30" Type="http://schemas.openxmlformats.org/officeDocument/2006/relationships/slide" Target="slides/slide22.xml"/><Relationship Id="rId35" Type="http://schemas.openxmlformats.org/officeDocument/2006/relationships/slide" Target="slides/slide27.xml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openxmlformats.org/officeDocument/2006/relationships/slide" Target="slides/slide25.xml"/><Relationship Id="rId38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ende Siewertsen" userId="12c25a5f-4834-4a03-8ef3-d68dc2de672e" providerId="ADAL" clId="{950CC1C7-5E16-3C42-9643-52B989613ADD}"/>
    <pc:docChg chg="undo redo custSel addSld delSld modSld sldOrd modMainMaster addSection delSection modSection">
      <pc:chgData name="Bende Siewertsen" userId="12c25a5f-4834-4a03-8ef3-d68dc2de672e" providerId="ADAL" clId="{950CC1C7-5E16-3C42-9643-52B989613ADD}" dt="2023-02-07T16:14:50.886" v="6426" actId="20577"/>
      <pc:docMkLst>
        <pc:docMk/>
      </pc:docMkLst>
      <pc:sldChg chg="modTransition">
        <pc:chgData name="Bende Siewertsen" userId="12c25a5f-4834-4a03-8ef3-d68dc2de672e" providerId="ADAL" clId="{950CC1C7-5E16-3C42-9643-52B989613ADD}" dt="2023-02-07T11:14:25.486" v="3069"/>
        <pc:sldMkLst>
          <pc:docMk/>
          <pc:sldMk cId="126127179" sldId="257"/>
        </pc:sldMkLst>
      </pc:sldChg>
      <pc:sldChg chg="del">
        <pc:chgData name="Bende Siewertsen" userId="12c25a5f-4834-4a03-8ef3-d68dc2de672e" providerId="ADAL" clId="{950CC1C7-5E16-3C42-9643-52B989613ADD}" dt="2023-02-07T09:47:37.384" v="22" actId="2696"/>
        <pc:sldMkLst>
          <pc:docMk/>
          <pc:sldMk cId="3581486819" sldId="258"/>
        </pc:sldMkLst>
      </pc:sldChg>
      <pc:sldChg chg="del">
        <pc:chgData name="Bende Siewertsen" userId="12c25a5f-4834-4a03-8ef3-d68dc2de672e" providerId="ADAL" clId="{950CC1C7-5E16-3C42-9643-52B989613ADD}" dt="2023-02-07T09:47:37.417" v="23" actId="2696"/>
        <pc:sldMkLst>
          <pc:docMk/>
          <pc:sldMk cId="2248839266" sldId="277"/>
        </pc:sldMkLst>
      </pc:sldChg>
      <pc:sldChg chg="modTransition">
        <pc:chgData name="Bende Siewertsen" userId="12c25a5f-4834-4a03-8ef3-d68dc2de672e" providerId="ADAL" clId="{950CC1C7-5E16-3C42-9643-52B989613ADD}" dt="2023-02-07T11:14:25.486" v="3069"/>
        <pc:sldMkLst>
          <pc:docMk/>
          <pc:sldMk cId="1998146124" sldId="319"/>
        </pc:sldMkLst>
      </pc:sldChg>
      <pc:sldChg chg="del">
        <pc:chgData name="Bende Siewertsen" userId="12c25a5f-4834-4a03-8ef3-d68dc2de672e" providerId="ADAL" clId="{950CC1C7-5E16-3C42-9643-52B989613ADD}" dt="2023-02-07T09:47:31.071" v="20" actId="2696"/>
        <pc:sldMkLst>
          <pc:docMk/>
          <pc:sldMk cId="1448484420" sldId="320"/>
        </pc:sldMkLst>
      </pc:sldChg>
      <pc:sldChg chg="addSp delSp modSp new mod modTransition modClrScheme chgLayout modNotesTx">
        <pc:chgData name="Bende Siewertsen" userId="12c25a5f-4834-4a03-8ef3-d68dc2de672e" providerId="ADAL" clId="{950CC1C7-5E16-3C42-9643-52B989613ADD}" dt="2023-02-07T16:12:50.679" v="6170" actId="20577"/>
        <pc:sldMkLst>
          <pc:docMk/>
          <pc:sldMk cId="3453531230" sldId="320"/>
        </pc:sldMkLst>
        <pc:spChg chg="mod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2" creationId="{1E514C65-2125-28F1-3C85-937BB3F66308}"/>
          </ac:spMkLst>
        </pc:spChg>
        <pc:spChg chg="del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3" creationId="{E851D971-3E8E-40C8-7BCD-5E70AABBB9F1}"/>
          </ac:spMkLst>
        </pc:spChg>
        <pc:spChg chg="mod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4" creationId="{6EBAED4B-C290-B93B-C01E-697B6F56FE95}"/>
          </ac:spMkLst>
        </pc:spChg>
        <pc:spChg chg="del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5" creationId="{9AF29F4F-CD08-7E4D-AA5E-8997EE1DA649}"/>
          </ac:spMkLst>
        </pc:spChg>
        <pc:spChg chg="mod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6" creationId="{7E38DE9A-7DB3-6B49-FCFF-193D80C0CA69}"/>
          </ac:spMkLst>
        </pc:spChg>
        <pc:spChg chg="add mod">
          <ac:chgData name="Bende Siewertsen" userId="12c25a5f-4834-4a03-8ef3-d68dc2de672e" providerId="ADAL" clId="{950CC1C7-5E16-3C42-9643-52B989613ADD}" dt="2023-02-07T16:12:50.679" v="6170" actId="20577"/>
          <ac:spMkLst>
            <pc:docMk/>
            <pc:sldMk cId="3453531230" sldId="320"/>
            <ac:spMk id="12" creationId="{5CDBBFA0-2D16-B153-71FD-54BA6F97F948}"/>
          </ac:spMkLst>
        </pc:spChg>
        <pc:picChg chg="add">
          <ac:chgData name="Bende Siewertsen" userId="12c25a5f-4834-4a03-8ef3-d68dc2de672e" providerId="ADAL" clId="{950CC1C7-5E16-3C42-9643-52B989613ADD}" dt="2023-02-07T09:50:35.754" v="57" actId="26606"/>
          <ac:picMkLst>
            <pc:docMk/>
            <pc:sldMk cId="3453531230" sldId="320"/>
            <ac:picMk id="8" creationId="{9C24F9DD-4778-70EE-4A1C-DCF7F0FCBEB0}"/>
          </ac:picMkLst>
        </pc:picChg>
      </pc:sldChg>
      <pc:sldChg chg="del">
        <pc:chgData name="Bende Siewertsen" userId="12c25a5f-4834-4a03-8ef3-d68dc2de672e" providerId="ADAL" clId="{950CC1C7-5E16-3C42-9643-52B989613ADD}" dt="2023-02-07T09:47:31.033" v="19" actId="2696"/>
        <pc:sldMkLst>
          <pc:docMk/>
          <pc:sldMk cId="210416863" sldId="321"/>
        </pc:sldMkLst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845405515" sldId="321"/>
        </pc:sldMkLst>
        <pc:spChg chg="del">
          <ac:chgData name="Bende Siewertsen" userId="12c25a5f-4834-4a03-8ef3-d68dc2de672e" providerId="ADAL" clId="{950CC1C7-5E16-3C42-9643-52B989613ADD}" dt="2023-02-07T09:53:47.213" v="437" actId="700"/>
          <ac:spMkLst>
            <pc:docMk/>
            <pc:sldMk cId="845405515" sldId="321"/>
            <ac:spMk id="2" creationId="{8EC48815-00E8-8C1F-E220-47DB2984226D}"/>
          </ac:spMkLst>
        </pc:spChg>
        <pc:spChg chg="del mod ord">
          <ac:chgData name="Bende Siewertsen" userId="12c25a5f-4834-4a03-8ef3-d68dc2de672e" providerId="ADAL" clId="{950CC1C7-5E16-3C42-9643-52B989613ADD}" dt="2023-02-07T09:53:47.213" v="437" actId="700"/>
          <ac:spMkLst>
            <pc:docMk/>
            <pc:sldMk cId="845405515" sldId="321"/>
            <ac:spMk id="3" creationId="{CE3859AA-8DE6-5057-0250-9AE1C2A5EA32}"/>
          </ac:spMkLst>
        </pc:spChg>
        <pc:spChg chg="del mod ord">
          <ac:chgData name="Bende Siewertsen" userId="12c25a5f-4834-4a03-8ef3-d68dc2de672e" providerId="ADAL" clId="{950CC1C7-5E16-3C42-9643-52B989613ADD}" dt="2023-02-07T09:53:47.213" v="437" actId="700"/>
          <ac:spMkLst>
            <pc:docMk/>
            <pc:sldMk cId="845405515" sldId="321"/>
            <ac:spMk id="4" creationId="{60EA5CA7-5D36-DDB9-6FC1-C10326AF500A}"/>
          </ac:spMkLst>
        </pc:spChg>
        <pc:spChg chg="add mod ord">
          <ac:chgData name="Bende Siewertsen" userId="12c25a5f-4834-4a03-8ef3-d68dc2de672e" providerId="ADAL" clId="{950CC1C7-5E16-3C42-9643-52B989613ADD}" dt="2023-02-07T10:47:51.056" v="2523" actId="26606"/>
          <ac:spMkLst>
            <pc:docMk/>
            <pc:sldMk cId="845405515" sldId="321"/>
            <ac:spMk id="5" creationId="{C68B5221-BB3F-64FA-26F0-60461EED219F}"/>
          </ac:spMkLst>
        </pc:spChg>
        <pc:spChg chg="add del mod ord">
          <ac:chgData name="Bende Siewertsen" userId="12c25a5f-4834-4a03-8ef3-d68dc2de672e" providerId="ADAL" clId="{950CC1C7-5E16-3C42-9643-52B989613ADD}" dt="2023-02-07T09:55:10.767" v="451" actId="26606"/>
          <ac:spMkLst>
            <pc:docMk/>
            <pc:sldMk cId="845405515" sldId="321"/>
            <ac:spMk id="6" creationId="{58BFA7BD-C525-FD72-D946-BE77FAE0A8FD}"/>
          </ac:spMkLst>
        </pc:spChg>
        <pc:spChg chg="add del mod">
          <ac:chgData name="Bende Siewertsen" userId="12c25a5f-4834-4a03-8ef3-d68dc2de672e" providerId="ADAL" clId="{950CC1C7-5E16-3C42-9643-52B989613ADD}" dt="2023-02-07T10:47:51.056" v="2523" actId="26606"/>
          <ac:spMkLst>
            <pc:docMk/>
            <pc:sldMk cId="845405515" sldId="321"/>
            <ac:spMk id="12" creationId="{F83D548A-F66A-85C8-6C42-8DF77D8C8F2A}"/>
          </ac:spMkLst>
        </pc:spChg>
        <pc:spChg chg="add del mod">
          <ac:chgData name="Bende Siewertsen" userId="12c25a5f-4834-4a03-8ef3-d68dc2de672e" providerId="ADAL" clId="{950CC1C7-5E16-3C42-9643-52B989613ADD}" dt="2023-02-07T10:47:51.056" v="2523" actId="26606"/>
          <ac:spMkLst>
            <pc:docMk/>
            <pc:sldMk cId="845405515" sldId="321"/>
            <ac:spMk id="14" creationId="{A964459A-9964-72C0-1498-983D0448458F}"/>
          </ac:spMkLst>
        </pc:spChg>
        <pc:spChg chg="add mod">
          <ac:chgData name="Bende Siewertsen" userId="12c25a5f-4834-4a03-8ef3-d68dc2de672e" providerId="ADAL" clId="{950CC1C7-5E16-3C42-9643-52B989613ADD}" dt="2023-02-07T10:47:51.056" v="2523" actId="26606"/>
          <ac:spMkLst>
            <pc:docMk/>
            <pc:sldMk cId="845405515" sldId="321"/>
            <ac:spMk id="19" creationId="{B50F5AC9-1C19-A8E9-869D-1BFC6C64A094}"/>
          </ac:spMkLst>
        </pc:spChg>
        <pc:graphicFrameChg chg="add mod modGraphic">
          <ac:chgData name="Bende Siewertsen" userId="12c25a5f-4834-4a03-8ef3-d68dc2de672e" providerId="ADAL" clId="{950CC1C7-5E16-3C42-9643-52B989613ADD}" dt="2023-02-07T10:47:51.056" v="2523" actId="26606"/>
          <ac:graphicFrameMkLst>
            <pc:docMk/>
            <pc:sldMk cId="845405515" sldId="321"/>
            <ac:graphicFrameMk id="8" creationId="{9BD9E512-1B42-93BE-11BD-2DF93B43462D}"/>
          </ac:graphicFrameMkLst>
        </pc:graphicFrameChg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762248240" sldId="322"/>
        </pc:sldMkLst>
        <pc:spChg chg="del mod ord">
          <ac:chgData name="Bende Siewertsen" userId="12c25a5f-4834-4a03-8ef3-d68dc2de672e" providerId="ADAL" clId="{950CC1C7-5E16-3C42-9643-52B989613ADD}" dt="2023-02-07T09:55:39.408" v="453" actId="700"/>
          <ac:spMkLst>
            <pc:docMk/>
            <pc:sldMk cId="762248240" sldId="322"/>
            <ac:spMk id="2" creationId="{2E19EBD7-E5DF-E018-7245-8B239E1AAEAB}"/>
          </ac:spMkLst>
        </pc:spChg>
        <pc:spChg chg="del">
          <ac:chgData name="Bende Siewertsen" userId="12c25a5f-4834-4a03-8ef3-d68dc2de672e" providerId="ADAL" clId="{950CC1C7-5E16-3C42-9643-52B989613ADD}" dt="2023-02-07T09:55:39.408" v="453" actId="700"/>
          <ac:spMkLst>
            <pc:docMk/>
            <pc:sldMk cId="762248240" sldId="322"/>
            <ac:spMk id="3" creationId="{92E0CDDB-7EC3-AFEB-4762-91223B82B6C0}"/>
          </ac:spMkLst>
        </pc:spChg>
        <pc:spChg chg="del mod ord">
          <ac:chgData name="Bende Siewertsen" userId="12c25a5f-4834-4a03-8ef3-d68dc2de672e" providerId="ADAL" clId="{950CC1C7-5E16-3C42-9643-52B989613ADD}" dt="2023-02-07T09:55:39.408" v="453" actId="700"/>
          <ac:spMkLst>
            <pc:docMk/>
            <pc:sldMk cId="762248240" sldId="322"/>
            <ac:spMk id="4" creationId="{00F25D85-5374-8885-BD1C-6F2348787693}"/>
          </ac:spMkLst>
        </pc:spChg>
        <pc:spChg chg="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5" creationId="{8163BC53-9CB8-27D0-CC5A-112FF464E825}"/>
          </ac:spMkLst>
        </pc:spChg>
        <pc:spChg chg="del 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6" creationId="{BC1233E4-8583-A105-AD93-1CB521C148C9}"/>
          </ac:spMkLst>
        </pc:spChg>
        <pc:spChg chg="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7" creationId="{38E31920-407E-A57B-5530-7F5038361F0A}"/>
          </ac:spMkLst>
        </pc:spChg>
        <pc:spChg chg="add 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8" creationId="{749A5484-8B87-7FD7-DE4F-FFDB3627EC22}"/>
          </ac:spMkLst>
        </pc:spChg>
        <pc:spChg chg="add 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9" creationId="{1EAEE87E-D29F-DFDF-B89A-B1527653AD73}"/>
          </ac:spMkLst>
        </pc:spChg>
        <pc:picChg chg="add mod ord">
          <ac:chgData name="Bende Siewertsen" userId="12c25a5f-4834-4a03-8ef3-d68dc2de672e" providerId="ADAL" clId="{950CC1C7-5E16-3C42-9643-52B989613ADD}" dt="2023-02-07T09:56:11.043" v="460" actId="26606"/>
          <ac:picMkLst>
            <pc:docMk/>
            <pc:sldMk cId="762248240" sldId="322"/>
            <ac:picMk id="10" creationId="{E8015BFC-73AA-19E9-82A4-35B6A1B4E1B7}"/>
          </ac:picMkLst>
        </pc:picChg>
      </pc:sldChg>
      <pc:sldChg chg="del">
        <pc:chgData name="Bende Siewertsen" userId="12c25a5f-4834-4a03-8ef3-d68dc2de672e" providerId="ADAL" clId="{950CC1C7-5E16-3C42-9643-52B989613ADD}" dt="2023-02-07T09:47:39.486" v="25" actId="2696"/>
        <pc:sldMkLst>
          <pc:docMk/>
          <pc:sldMk cId="2950022447" sldId="322"/>
        </pc:sldMkLst>
      </pc:sldChg>
      <pc:sldChg chg="del">
        <pc:chgData name="Bende Siewertsen" userId="12c25a5f-4834-4a03-8ef3-d68dc2de672e" providerId="ADAL" clId="{950CC1C7-5E16-3C42-9643-52B989613ADD}" dt="2023-02-07T09:47:39.517" v="27" actId="2696"/>
        <pc:sldMkLst>
          <pc:docMk/>
          <pc:sldMk cId="500315454" sldId="323"/>
        </pc:sldMkLst>
      </pc:sldChg>
      <pc:sldChg chg="addSp delSp modSp new mod modTransition modClrScheme chgLayout">
        <pc:chgData name="Bende Siewertsen" userId="12c25a5f-4834-4a03-8ef3-d68dc2de672e" providerId="ADAL" clId="{950CC1C7-5E16-3C42-9643-52B989613ADD}" dt="2023-02-07T16:13:32.380" v="6241" actId="20577"/>
        <pc:sldMkLst>
          <pc:docMk/>
          <pc:sldMk cId="2191769368" sldId="323"/>
        </pc:sldMkLst>
        <pc:spChg chg="del">
          <ac:chgData name="Bende Siewertsen" userId="12c25a5f-4834-4a03-8ef3-d68dc2de672e" providerId="ADAL" clId="{950CC1C7-5E16-3C42-9643-52B989613ADD}" dt="2023-02-07T09:57:16.745" v="462" actId="700"/>
          <ac:spMkLst>
            <pc:docMk/>
            <pc:sldMk cId="2191769368" sldId="323"/>
            <ac:spMk id="2" creationId="{FE0FD371-D755-D1C0-B787-C876B259E085}"/>
          </ac:spMkLst>
        </pc:spChg>
        <pc:spChg chg="del mod ord">
          <ac:chgData name="Bende Siewertsen" userId="12c25a5f-4834-4a03-8ef3-d68dc2de672e" providerId="ADAL" clId="{950CC1C7-5E16-3C42-9643-52B989613ADD}" dt="2023-02-07T09:57:16.745" v="462" actId="700"/>
          <ac:spMkLst>
            <pc:docMk/>
            <pc:sldMk cId="2191769368" sldId="323"/>
            <ac:spMk id="3" creationId="{1AF14189-53C9-9B80-2244-A0D77BB217AA}"/>
          </ac:spMkLst>
        </pc:spChg>
        <pc:spChg chg="del mod ord">
          <ac:chgData name="Bende Siewertsen" userId="12c25a5f-4834-4a03-8ef3-d68dc2de672e" providerId="ADAL" clId="{950CC1C7-5E16-3C42-9643-52B989613ADD}" dt="2023-02-07T09:57:16.745" v="462" actId="700"/>
          <ac:spMkLst>
            <pc:docMk/>
            <pc:sldMk cId="2191769368" sldId="323"/>
            <ac:spMk id="4" creationId="{09A8F5EA-CCB4-DB1B-EFCB-558E64EC7093}"/>
          </ac:spMkLst>
        </pc:spChg>
        <pc:spChg chg="add mod ord">
          <ac:chgData name="Bende Siewertsen" userId="12c25a5f-4834-4a03-8ef3-d68dc2de672e" providerId="ADAL" clId="{950CC1C7-5E16-3C42-9643-52B989613ADD}" dt="2023-02-07T09:57:53.016" v="468" actId="26606"/>
          <ac:spMkLst>
            <pc:docMk/>
            <pc:sldMk cId="2191769368" sldId="323"/>
            <ac:spMk id="5" creationId="{8A9A89E7-C863-1D6B-0515-45689E2EE90C}"/>
          </ac:spMkLst>
        </pc:spChg>
        <pc:spChg chg="add mod ord">
          <ac:chgData name="Bende Siewertsen" userId="12c25a5f-4834-4a03-8ef3-d68dc2de672e" providerId="ADAL" clId="{950CC1C7-5E16-3C42-9643-52B989613ADD}" dt="2023-02-07T16:13:32.380" v="6241" actId="20577"/>
          <ac:spMkLst>
            <pc:docMk/>
            <pc:sldMk cId="2191769368" sldId="323"/>
            <ac:spMk id="6" creationId="{AB0F054A-C81C-99C3-7861-594FEDC8627F}"/>
          </ac:spMkLst>
        </pc:spChg>
        <pc:spChg chg="add mod">
          <ac:chgData name="Bende Siewertsen" userId="12c25a5f-4834-4a03-8ef3-d68dc2de672e" providerId="ADAL" clId="{950CC1C7-5E16-3C42-9643-52B989613ADD}" dt="2023-02-07T09:57:53.016" v="468" actId="26606"/>
          <ac:spMkLst>
            <pc:docMk/>
            <pc:sldMk cId="2191769368" sldId="323"/>
            <ac:spMk id="12" creationId="{32BDA41D-4780-9367-D370-38FCBBD3DC1B}"/>
          </ac:spMkLst>
        </pc:spChg>
        <pc:picChg chg="add mod">
          <ac:chgData name="Bende Siewertsen" userId="12c25a5f-4834-4a03-8ef3-d68dc2de672e" providerId="ADAL" clId="{950CC1C7-5E16-3C42-9643-52B989613ADD}" dt="2023-02-07T09:57:53.016" v="468" actId="26606"/>
          <ac:picMkLst>
            <pc:docMk/>
            <pc:sldMk cId="2191769368" sldId="323"/>
            <ac:picMk id="7" creationId="{750B5410-7AA8-638D-2840-22C908108144}"/>
          </ac:picMkLst>
        </pc:picChg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797907408" sldId="324"/>
        </pc:sldMkLst>
        <pc:spChg chg="del 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2" creationId="{5F99F1AC-7D10-60E9-DDED-92F809D9B21B}"/>
          </ac:spMkLst>
        </pc:spChg>
        <pc:spChg chg="del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3" creationId="{406C400E-13D3-E3EC-5F1A-1C9ADE805BD3}"/>
          </ac:spMkLst>
        </pc:spChg>
        <pc:spChg chg="del 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4" creationId="{EB7B3D73-38D0-0CE8-0865-638C4AAA648C}"/>
          </ac:spMkLst>
        </pc:spChg>
        <pc:spChg chg="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5" creationId="{E8CFB1B5-52B4-EC8B-6D45-F4262A418AB8}"/>
          </ac:spMkLst>
        </pc:spChg>
        <pc:spChg chg="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6" creationId="{B140F94E-EA0C-41E9-C822-64945C085DF3}"/>
          </ac:spMkLst>
        </pc:spChg>
        <pc:spChg chg="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7" creationId="{65D26897-B6F6-ED09-5E57-4614A959D579}"/>
          </ac:spMkLst>
        </pc:spChg>
        <pc:spChg chg="add mod ord">
          <ac:chgData name="Bende Siewertsen" userId="12c25a5f-4834-4a03-8ef3-d68dc2de672e" providerId="ADAL" clId="{950CC1C7-5E16-3C42-9643-52B989613ADD}" dt="2023-02-07T09:58:39.522" v="471"/>
          <ac:spMkLst>
            <pc:docMk/>
            <pc:sldMk cId="797907408" sldId="324"/>
            <ac:spMk id="8" creationId="{1D779104-A56C-1CED-10EA-B0F3F95970A0}"/>
          </ac:spMkLst>
        </pc:spChg>
        <pc:spChg chg="add mod ord">
          <ac:chgData name="Bende Siewertsen" userId="12c25a5f-4834-4a03-8ef3-d68dc2de672e" providerId="ADAL" clId="{950CC1C7-5E16-3C42-9643-52B989613ADD}" dt="2023-02-07T10:52:49.370" v="2533" actId="20577"/>
          <ac:spMkLst>
            <pc:docMk/>
            <pc:sldMk cId="797907408" sldId="324"/>
            <ac:spMk id="9" creationId="{5953F835-4FCF-B4A0-CFD5-6B1F7AC74095}"/>
          </ac:spMkLst>
        </pc:spChg>
        <pc:picChg chg="add mod">
          <ac:chgData name="Bende Siewertsen" userId="12c25a5f-4834-4a03-8ef3-d68dc2de672e" providerId="ADAL" clId="{950CC1C7-5E16-3C42-9643-52B989613ADD}" dt="2023-02-07T09:59:03.668" v="473"/>
          <ac:picMkLst>
            <pc:docMk/>
            <pc:sldMk cId="797907408" sldId="324"/>
            <ac:picMk id="10" creationId="{8F7166B5-8027-5AC6-732D-86F33E9A579E}"/>
          </ac:picMkLst>
        </pc:picChg>
        <pc:picChg chg="add del mod">
          <ac:chgData name="Bende Siewertsen" userId="12c25a5f-4834-4a03-8ef3-d68dc2de672e" providerId="ADAL" clId="{950CC1C7-5E16-3C42-9643-52B989613ADD}" dt="2023-02-07T10:57:37.643" v="2542" actId="478"/>
          <ac:picMkLst>
            <pc:docMk/>
            <pc:sldMk cId="797907408" sldId="324"/>
            <ac:picMk id="11" creationId="{B5995F7D-4F0C-466A-B86B-6C2DF7ED9D61}"/>
          </ac:picMkLst>
        </pc:picChg>
      </pc:sldChg>
      <pc:sldChg chg="del">
        <pc:chgData name="Bende Siewertsen" userId="12c25a5f-4834-4a03-8ef3-d68dc2de672e" providerId="ADAL" clId="{950CC1C7-5E16-3C42-9643-52B989613ADD}" dt="2023-02-07T09:47:39.551" v="28" actId="2696"/>
        <pc:sldMkLst>
          <pc:docMk/>
          <pc:sldMk cId="1527585183" sldId="324"/>
        </pc:sldMkLst>
      </pc:sldChg>
      <pc:sldChg chg="del">
        <pc:chgData name="Bende Siewertsen" userId="12c25a5f-4834-4a03-8ef3-d68dc2de672e" providerId="ADAL" clId="{950CC1C7-5E16-3C42-9643-52B989613ADD}" dt="2023-02-07T09:47:39.559" v="29" actId="2696"/>
        <pc:sldMkLst>
          <pc:docMk/>
          <pc:sldMk cId="566368857" sldId="325"/>
        </pc:sldMkLst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4187489922" sldId="325"/>
        </pc:sldMkLst>
        <pc:spChg chg="mod">
          <ac:chgData name="Bende Siewertsen" userId="12c25a5f-4834-4a03-8ef3-d68dc2de672e" providerId="ADAL" clId="{950CC1C7-5E16-3C42-9643-52B989613ADD}" dt="2023-02-07T11:02:03.161" v="2797" actId="20577"/>
          <ac:spMkLst>
            <pc:docMk/>
            <pc:sldMk cId="4187489922" sldId="325"/>
            <ac:spMk id="2" creationId="{FE7E8539-4F42-E016-F8F2-B6FF89328F40}"/>
          </ac:spMkLst>
        </pc:spChg>
        <pc:spChg chg="mod">
          <ac:chgData name="Bende Siewertsen" userId="12c25a5f-4834-4a03-8ef3-d68dc2de672e" providerId="ADAL" clId="{950CC1C7-5E16-3C42-9643-52B989613ADD}" dt="2023-02-07T10:58:24.946" v="2681" actId="20577"/>
          <ac:spMkLst>
            <pc:docMk/>
            <pc:sldMk cId="4187489922" sldId="325"/>
            <ac:spMk id="3" creationId="{6A801895-0B8B-FED3-3FEE-51737FB33911}"/>
          </ac:spMkLst>
        </pc:spChg>
        <pc:spChg chg="mod">
          <ac:chgData name="Bende Siewertsen" userId="12c25a5f-4834-4a03-8ef3-d68dc2de672e" providerId="ADAL" clId="{950CC1C7-5E16-3C42-9643-52B989613ADD}" dt="2023-02-07T10:00:00.791" v="482" actId="26606"/>
          <ac:spMkLst>
            <pc:docMk/>
            <pc:sldMk cId="4187489922" sldId="325"/>
            <ac:spMk id="4" creationId="{6B66E2DA-4C1C-9545-D07B-4F543A08AD48}"/>
          </ac:spMkLst>
        </pc:spChg>
        <pc:spChg chg="del">
          <ac:chgData name="Bende Siewertsen" userId="12c25a5f-4834-4a03-8ef3-d68dc2de672e" providerId="ADAL" clId="{950CC1C7-5E16-3C42-9643-52B989613ADD}" dt="2023-02-07T10:00:00.791" v="482" actId="26606"/>
          <ac:spMkLst>
            <pc:docMk/>
            <pc:sldMk cId="4187489922" sldId="325"/>
            <ac:spMk id="5" creationId="{442C3483-AA2F-7A79-80EF-C23DC1BA2018}"/>
          </ac:spMkLst>
        </pc:spChg>
        <pc:spChg chg="mod">
          <ac:chgData name="Bende Siewertsen" userId="12c25a5f-4834-4a03-8ef3-d68dc2de672e" providerId="ADAL" clId="{950CC1C7-5E16-3C42-9643-52B989613ADD}" dt="2023-02-07T10:00:00.791" v="482" actId="26606"/>
          <ac:spMkLst>
            <pc:docMk/>
            <pc:sldMk cId="4187489922" sldId="325"/>
            <ac:spMk id="6" creationId="{12CB8FFB-EA2D-6BCD-8CF1-58228B854F69}"/>
          </ac:spMkLst>
        </pc:spChg>
        <pc:spChg chg="add del mod">
          <ac:chgData name="Bende Siewertsen" userId="12c25a5f-4834-4a03-8ef3-d68dc2de672e" providerId="ADAL" clId="{950CC1C7-5E16-3C42-9643-52B989613ADD}" dt="2023-02-07T10:00:58.479" v="495" actId="478"/>
          <ac:spMkLst>
            <pc:docMk/>
            <pc:sldMk cId="4187489922" sldId="325"/>
            <ac:spMk id="9" creationId="{91D64189-0866-187C-86B1-99ED1F7F292B}"/>
          </ac:spMkLst>
        </pc:spChg>
        <pc:spChg chg="add mod">
          <ac:chgData name="Bende Siewertsen" userId="12c25a5f-4834-4a03-8ef3-d68dc2de672e" providerId="ADAL" clId="{950CC1C7-5E16-3C42-9643-52B989613ADD}" dt="2023-02-07T10:00:00.791" v="482" actId="26606"/>
          <ac:spMkLst>
            <pc:docMk/>
            <pc:sldMk cId="4187489922" sldId="325"/>
            <ac:spMk id="12" creationId="{5C568DB3-AE8B-5A3D-2AAB-C880C5F2B532}"/>
          </ac:spMkLst>
        </pc:spChg>
        <pc:spChg chg="add mod">
          <ac:chgData name="Bende Siewertsen" userId="12c25a5f-4834-4a03-8ef3-d68dc2de672e" providerId="ADAL" clId="{950CC1C7-5E16-3C42-9643-52B989613ADD}" dt="2023-02-07T10:00:56.389" v="494" actId="571"/>
          <ac:spMkLst>
            <pc:docMk/>
            <pc:sldMk cId="4187489922" sldId="325"/>
            <ac:spMk id="13" creationId="{9FD2F2B2-6AB7-0341-FD28-641196C0DFAE}"/>
          </ac:spMkLst>
        </pc:spChg>
        <pc:picChg chg="add mod ord">
          <ac:chgData name="Bende Siewertsen" userId="12c25a5f-4834-4a03-8ef3-d68dc2de672e" providerId="ADAL" clId="{950CC1C7-5E16-3C42-9643-52B989613ADD}" dt="2023-02-07T10:00:00.791" v="482" actId="26606"/>
          <ac:picMkLst>
            <pc:docMk/>
            <pc:sldMk cId="4187489922" sldId="325"/>
            <ac:picMk id="7" creationId="{ACAB7C4F-B4A2-81FD-6D0D-8C33A52CEB6B}"/>
          </ac:picMkLst>
        </pc:picChg>
        <pc:picChg chg="add del mod">
          <ac:chgData name="Bende Siewertsen" userId="12c25a5f-4834-4a03-8ef3-d68dc2de672e" providerId="ADAL" clId="{950CC1C7-5E16-3C42-9643-52B989613ADD}" dt="2023-02-07T10:00:07.206" v="484"/>
          <ac:picMkLst>
            <pc:docMk/>
            <pc:sldMk cId="4187489922" sldId="325"/>
            <ac:picMk id="8" creationId="{E452D24C-2886-0E3F-DF14-33ECC0572552}"/>
          </ac:picMkLst>
        </pc:picChg>
        <pc:picChg chg="add del mod">
          <ac:chgData name="Bende Siewertsen" userId="12c25a5f-4834-4a03-8ef3-d68dc2de672e" providerId="ADAL" clId="{950CC1C7-5E16-3C42-9643-52B989613ADD}" dt="2023-02-07T10:00:35.834" v="490" actId="478"/>
          <ac:picMkLst>
            <pc:docMk/>
            <pc:sldMk cId="4187489922" sldId="325"/>
            <ac:picMk id="10" creationId="{A9F8D669-F863-C6F3-7DBD-F59C9470C42E}"/>
          </ac:picMkLst>
        </pc:picChg>
        <pc:picChg chg="add mod">
          <ac:chgData name="Bende Siewertsen" userId="12c25a5f-4834-4a03-8ef3-d68dc2de672e" providerId="ADAL" clId="{950CC1C7-5E16-3C42-9643-52B989613ADD}" dt="2023-02-07T10:00:31.417" v="489" actId="571"/>
          <ac:picMkLst>
            <pc:docMk/>
            <pc:sldMk cId="4187489922" sldId="325"/>
            <ac:picMk id="11" creationId="{EDCA3763-B171-7CF3-D4A0-3160C6299F65}"/>
          </ac:picMkLst>
        </pc:picChg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23:19.473" v="3952" actId="20577"/>
        <pc:sldMkLst>
          <pc:docMk/>
          <pc:sldMk cId="4263838993" sldId="326"/>
        </pc:sldMkLst>
        <pc:spChg chg="mod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2" creationId="{0B60C389-9C37-9473-2D2E-F099E74D6402}"/>
          </ac:spMkLst>
        </pc:spChg>
        <pc:spChg chg="mod">
          <ac:chgData name="Bende Siewertsen" userId="12c25a5f-4834-4a03-8ef3-d68dc2de672e" providerId="ADAL" clId="{950CC1C7-5E16-3C42-9643-52B989613ADD}" dt="2023-02-07T11:23:19.473" v="3952" actId="20577"/>
          <ac:spMkLst>
            <pc:docMk/>
            <pc:sldMk cId="4263838993" sldId="326"/>
            <ac:spMk id="3" creationId="{F80B8BA8-AA87-B732-3214-8348A173C897}"/>
          </ac:spMkLst>
        </pc:spChg>
        <pc:spChg chg="mod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4" creationId="{01BE5405-004C-B4F4-D97F-1AB1B915EB13}"/>
          </ac:spMkLst>
        </pc:spChg>
        <pc:spChg chg="del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5" creationId="{ECC2421B-8FA4-E474-3C03-518C638A2142}"/>
          </ac:spMkLst>
        </pc:spChg>
        <pc:spChg chg="mod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6" creationId="{6B2B4BD9-1AFD-31E1-FCC3-0045CD4B034E}"/>
          </ac:spMkLst>
        </pc:spChg>
        <pc:spChg chg="add mod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13" creationId="{D4E13DBA-29E2-D6FE-5360-83DA34418F47}"/>
          </ac:spMkLst>
        </pc:spChg>
        <pc:picChg chg="add del mod">
          <ac:chgData name="Bende Siewertsen" userId="12c25a5f-4834-4a03-8ef3-d68dc2de672e" providerId="ADAL" clId="{950CC1C7-5E16-3C42-9643-52B989613ADD}" dt="2023-02-07T10:59:03.625" v="2702" actId="478"/>
          <ac:picMkLst>
            <pc:docMk/>
            <pc:sldMk cId="4263838993" sldId="326"/>
            <ac:picMk id="7" creationId="{91039968-7543-32DE-1627-57F17E9B7466}"/>
          </ac:picMkLst>
        </pc:picChg>
        <pc:picChg chg="add mod ord">
          <ac:chgData name="Bende Siewertsen" userId="12c25a5f-4834-4a03-8ef3-d68dc2de672e" providerId="ADAL" clId="{950CC1C7-5E16-3C42-9643-52B989613ADD}" dt="2023-02-07T11:22:51.946" v="3873" actId="1076"/>
          <ac:picMkLst>
            <pc:docMk/>
            <pc:sldMk cId="4263838993" sldId="326"/>
            <ac:picMk id="8" creationId="{FEE949FF-5CDA-B2B7-1E79-D452719D606D}"/>
          </ac:picMkLst>
        </pc:picChg>
      </pc:sldChg>
      <pc:sldChg chg="del">
        <pc:chgData name="Bende Siewertsen" userId="12c25a5f-4834-4a03-8ef3-d68dc2de672e" providerId="ADAL" clId="{950CC1C7-5E16-3C42-9643-52B989613ADD}" dt="2023-02-07T09:47:39.567" v="30" actId="2696"/>
        <pc:sldMkLst>
          <pc:docMk/>
          <pc:sldMk cId="2541368722" sldId="327"/>
        </pc:sldMkLst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2568470302" sldId="327"/>
        </pc:sldMkLst>
        <pc:spChg chg="mod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2" creationId="{F8FEC8F3-F320-2019-7B2F-7AEE75562B5F}"/>
          </ac:spMkLst>
        </pc:spChg>
        <pc:spChg chg="mod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3" creationId="{00C53E63-6DC2-0493-6F94-2EE40F18D7CE}"/>
          </ac:spMkLst>
        </pc:spChg>
        <pc:spChg chg="mod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4" creationId="{CC5970B2-65EA-2F0E-F7AB-D595A3512494}"/>
          </ac:spMkLst>
        </pc:spChg>
        <pc:spChg chg="del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5" creationId="{033BDC39-8A32-3A33-3C93-D122BF5C307C}"/>
          </ac:spMkLst>
        </pc:spChg>
        <pc:spChg chg="mod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6" creationId="{708309AA-6077-90FB-0137-9C97741106FC}"/>
          </ac:spMkLst>
        </pc:spChg>
        <pc:picChg chg="add">
          <ac:chgData name="Bende Siewertsen" userId="12c25a5f-4834-4a03-8ef3-d68dc2de672e" providerId="ADAL" clId="{950CC1C7-5E16-3C42-9643-52B989613ADD}" dt="2023-02-07T10:03:36.984" v="527" actId="26606"/>
          <ac:picMkLst>
            <pc:docMk/>
            <pc:sldMk cId="2568470302" sldId="327"/>
            <ac:picMk id="8" creationId="{A736AD1E-3A24-DD30-8A99-A7B0E89D16A1}"/>
          </ac:picMkLst>
        </pc:picChg>
      </pc:sldChg>
      <pc:sldChg chg="del">
        <pc:chgData name="Bende Siewertsen" userId="12c25a5f-4834-4a03-8ef3-d68dc2de672e" providerId="ADAL" clId="{950CC1C7-5E16-3C42-9643-52B989613ADD}" dt="2023-02-07T09:47:39.575" v="31" actId="2696"/>
        <pc:sldMkLst>
          <pc:docMk/>
          <pc:sldMk cId="66500835" sldId="328"/>
        </pc:sldMkLst>
      </pc:sldChg>
      <pc:sldChg chg="addSp delSp modSp new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2274726152" sldId="328"/>
        </pc:sldMkLst>
        <pc:spChg chg="mod">
          <ac:chgData name="Bende Siewertsen" userId="12c25a5f-4834-4a03-8ef3-d68dc2de672e" providerId="ADAL" clId="{950CC1C7-5E16-3C42-9643-52B989613ADD}" dt="2023-02-07T10:21:13.789" v="1809" actId="20577"/>
          <ac:spMkLst>
            <pc:docMk/>
            <pc:sldMk cId="2274726152" sldId="328"/>
            <ac:spMk id="2" creationId="{529127EC-AA18-CD60-20B4-FA0208C2E571}"/>
          </ac:spMkLst>
        </pc:spChg>
        <pc:spChg chg="del mod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3" creationId="{6E0CC46D-3D82-39DB-92FA-6027707E6D33}"/>
          </ac:spMkLst>
        </pc:spChg>
        <pc:spChg chg="mod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4" creationId="{E96E396C-EFF3-2F2C-F0F1-0D5D061E2589}"/>
          </ac:spMkLst>
        </pc:spChg>
        <pc:spChg chg="del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5" creationId="{A6869328-8EF2-382C-504C-0DACBA09A244}"/>
          </ac:spMkLst>
        </pc:spChg>
        <pc:spChg chg="mod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6" creationId="{952D7523-1D5A-CA38-9D16-871478DC748D}"/>
          </ac:spMkLst>
        </pc:spChg>
        <pc:spChg chg="add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12" creationId="{9A7DD766-BD4F-FB42-682B-D6804632FD6F}"/>
          </ac:spMkLst>
        </pc:spChg>
        <pc:graphicFrameChg chg="add">
          <ac:chgData name="Bende Siewertsen" userId="12c25a5f-4834-4a03-8ef3-d68dc2de672e" providerId="ADAL" clId="{950CC1C7-5E16-3C42-9643-52B989613ADD}" dt="2023-02-07T10:12:49.932" v="1478" actId="26606"/>
          <ac:graphicFrameMkLst>
            <pc:docMk/>
            <pc:sldMk cId="2274726152" sldId="328"/>
            <ac:graphicFrameMk id="8" creationId="{85511F83-8748-9E13-7AB0-E27B0E735026}"/>
          </ac:graphicFrameMkLst>
        </pc:graphicFrameChg>
      </pc:sldChg>
      <pc:sldChg chg="addSp delSp modSp add mod modTransition modClrScheme chgLayout modNotesTx">
        <pc:chgData name="Bende Siewertsen" userId="12c25a5f-4834-4a03-8ef3-d68dc2de672e" providerId="ADAL" clId="{950CC1C7-5E16-3C42-9643-52B989613ADD}" dt="2023-02-07T14:07:05.953" v="4006" actId="20577"/>
        <pc:sldMkLst>
          <pc:docMk/>
          <pc:sldMk cId="1446758571" sldId="329"/>
        </pc:sldMkLst>
        <pc:spChg chg="mod">
          <ac:chgData name="Bende Siewertsen" userId="12c25a5f-4834-4a03-8ef3-d68dc2de672e" providerId="ADAL" clId="{950CC1C7-5E16-3C42-9643-52B989613ADD}" dt="2023-02-07T10:21:25.718" v="1858" actId="20577"/>
          <ac:spMkLst>
            <pc:docMk/>
            <pc:sldMk cId="1446758571" sldId="329"/>
            <ac:spMk id="2" creationId="{529127EC-AA18-CD60-20B4-FA0208C2E571}"/>
          </ac:spMkLst>
        </pc:spChg>
        <pc:spChg chg="add del mod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3" creationId="{6E0CC46D-3D82-39DB-92FA-6027707E6D33}"/>
          </ac:spMkLst>
        </pc:spChg>
        <pc:spChg chg="mod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4" creationId="{E96E396C-EFF3-2F2C-F0F1-0D5D061E2589}"/>
          </ac:spMkLst>
        </pc:spChg>
        <pc:spChg chg="add del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5" creationId="{A6869328-8EF2-382C-504C-0DACBA09A244}"/>
          </ac:spMkLst>
        </pc:spChg>
        <pc:spChg chg="mod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6" creationId="{952D7523-1D5A-CA38-9D16-871478DC748D}"/>
          </ac:spMkLst>
        </pc:spChg>
        <pc:spChg chg="add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12" creationId="{1580B762-13E9-5283-B097-1AAF2FD8174D}"/>
          </ac:spMkLst>
        </pc:spChg>
        <pc:spChg chg="add del">
          <ac:chgData name="Bende Siewertsen" userId="12c25a5f-4834-4a03-8ef3-d68dc2de672e" providerId="ADAL" clId="{950CC1C7-5E16-3C42-9643-52B989613ADD}" dt="2023-02-07T10:18:02.754" v="1635" actId="22"/>
          <ac:spMkLst>
            <pc:docMk/>
            <pc:sldMk cId="1446758571" sldId="329"/>
            <ac:spMk id="13" creationId="{034BBA16-0CB6-B829-711B-716D8F82FC2B}"/>
          </ac:spMkLst>
        </pc:spChg>
        <pc:graphicFrameChg chg="add del mod">
          <ac:chgData name="Bende Siewertsen" userId="12c25a5f-4834-4a03-8ef3-d68dc2de672e" providerId="ADAL" clId="{950CC1C7-5E16-3C42-9643-52B989613ADD}" dt="2023-02-07T10:17:06.714" v="1627" actId="12084"/>
          <ac:graphicFrameMkLst>
            <pc:docMk/>
            <pc:sldMk cId="1446758571" sldId="329"/>
            <ac:graphicFrameMk id="7" creationId="{9796F780-ADBC-AFB8-5A3F-9E8DD0FA1DA6}"/>
          </ac:graphicFrameMkLst>
        </pc:graphicFrameChg>
        <pc:graphicFrameChg chg="add del mod">
          <ac:chgData name="Bende Siewertsen" userId="12c25a5f-4834-4a03-8ef3-d68dc2de672e" providerId="ADAL" clId="{950CC1C7-5E16-3C42-9643-52B989613ADD}" dt="2023-02-07T10:17:30.199" v="1631" actId="12084"/>
          <ac:graphicFrameMkLst>
            <pc:docMk/>
            <pc:sldMk cId="1446758571" sldId="329"/>
            <ac:graphicFrameMk id="9" creationId="{2210D32B-0838-EF72-2F1A-EB5120FEB09C}"/>
          </ac:graphicFrameMkLst>
        </pc:graphicFrameChg>
        <pc:graphicFrameChg chg="add">
          <ac:chgData name="Bende Siewertsen" userId="12c25a5f-4834-4a03-8ef3-d68dc2de672e" providerId="ADAL" clId="{950CC1C7-5E16-3C42-9643-52B989613ADD}" dt="2023-02-07T10:17:47.052" v="1633" actId="26606"/>
          <ac:graphicFrameMkLst>
            <pc:docMk/>
            <pc:sldMk cId="1446758571" sldId="329"/>
            <ac:graphicFrameMk id="10" creationId="{61DC85BF-6F78-A02B-94E6-D80734F40F3B}"/>
          </ac:graphicFrameMkLst>
        </pc:graphicFrameChg>
        <pc:picChg chg="add del">
          <ac:chgData name="Bende Siewertsen" userId="12c25a5f-4834-4a03-8ef3-d68dc2de672e" providerId="ADAL" clId="{950CC1C7-5E16-3C42-9643-52B989613ADD}" dt="2023-02-07T10:16:17.099" v="1624" actId="26606"/>
          <ac:picMkLst>
            <pc:docMk/>
            <pc:sldMk cId="1446758571" sldId="329"/>
            <ac:picMk id="8" creationId="{5EFDF7E8-5EEA-EDCF-A7DB-D9F529EA775F}"/>
          </ac:picMkLst>
        </pc:picChg>
      </pc:sldChg>
      <pc:sldChg chg="add del">
        <pc:chgData name="Bende Siewertsen" userId="12c25a5f-4834-4a03-8ef3-d68dc2de672e" providerId="ADAL" clId="{950CC1C7-5E16-3C42-9643-52B989613ADD}" dt="2023-02-07T10:12:21.543" v="1474"/>
        <pc:sldMkLst>
          <pc:docMk/>
          <pc:sldMk cId="3279643929" sldId="329"/>
        </pc:sldMkLst>
      </pc:sldChg>
      <pc:sldChg chg="del">
        <pc:chgData name="Bende Siewertsen" userId="12c25a5f-4834-4a03-8ef3-d68dc2de672e" providerId="ADAL" clId="{950CC1C7-5E16-3C42-9643-52B989613ADD}" dt="2023-02-07T09:47:39.582" v="32" actId="2696"/>
        <pc:sldMkLst>
          <pc:docMk/>
          <pc:sldMk cId="3577318822" sldId="329"/>
        </pc:sldMkLst>
      </pc:sldChg>
      <pc:sldChg chg="del">
        <pc:chgData name="Bende Siewertsen" userId="12c25a5f-4834-4a03-8ef3-d68dc2de672e" providerId="ADAL" clId="{950CC1C7-5E16-3C42-9643-52B989613ADD}" dt="2023-02-07T09:47:39.591" v="33" actId="2696"/>
        <pc:sldMkLst>
          <pc:docMk/>
          <pc:sldMk cId="932517845" sldId="330"/>
        </pc:sldMkLst>
      </pc:sldChg>
      <pc:sldChg chg="add del">
        <pc:chgData name="Bende Siewertsen" userId="12c25a5f-4834-4a03-8ef3-d68dc2de672e" providerId="ADAL" clId="{950CC1C7-5E16-3C42-9643-52B989613ADD}" dt="2023-02-07T10:18:08.345" v="1637" actId="2696"/>
        <pc:sldMkLst>
          <pc:docMk/>
          <pc:sldMk cId="1531476835" sldId="330"/>
        </pc:sldMkLst>
      </pc:sldChg>
      <pc:sldChg chg="modSp new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3563189546" sldId="330"/>
        </pc:sldMkLst>
        <pc:spChg chg="mod">
          <ac:chgData name="Bende Siewertsen" userId="12c25a5f-4834-4a03-8ef3-d68dc2de672e" providerId="ADAL" clId="{950CC1C7-5E16-3C42-9643-52B989613ADD}" dt="2023-02-07T10:21:34.406" v="1862" actId="20577"/>
          <ac:spMkLst>
            <pc:docMk/>
            <pc:sldMk cId="3563189546" sldId="330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0:24:32.120" v="1985" actId="113"/>
          <ac:spMkLst>
            <pc:docMk/>
            <pc:sldMk cId="3563189546" sldId="330"/>
            <ac:spMk id="3" creationId="{8DD58D5C-5916-E306-32AF-BE3F1F5A2FC4}"/>
          </ac:spMkLst>
        </pc:spChg>
      </pc:sldChg>
      <pc:sldChg chg="del">
        <pc:chgData name="Bende Siewertsen" userId="12c25a5f-4834-4a03-8ef3-d68dc2de672e" providerId="ADAL" clId="{950CC1C7-5E16-3C42-9643-52B989613ADD}" dt="2023-02-07T09:47:39.598" v="34" actId="2696"/>
        <pc:sldMkLst>
          <pc:docMk/>
          <pc:sldMk cId="3014138865" sldId="331"/>
        </pc:sldMkLst>
      </pc:sldChg>
      <pc:sldChg chg="modSp add mod modTransition modNotesTx">
        <pc:chgData name="Bende Siewertsen" userId="12c25a5f-4834-4a03-8ef3-d68dc2de672e" providerId="ADAL" clId="{950CC1C7-5E16-3C42-9643-52B989613ADD}" dt="2023-02-07T14:10:13.178" v="4035" actId="20577"/>
        <pc:sldMkLst>
          <pc:docMk/>
          <pc:sldMk cId="3259614896" sldId="331"/>
        </pc:sldMkLst>
        <pc:spChg chg="mod">
          <ac:chgData name="Bende Siewertsen" userId="12c25a5f-4834-4a03-8ef3-d68dc2de672e" providerId="ADAL" clId="{950CC1C7-5E16-3C42-9643-52B989613ADD}" dt="2023-02-07T10:23:29.761" v="1908" actId="20577"/>
          <ac:spMkLst>
            <pc:docMk/>
            <pc:sldMk cId="3259614896" sldId="331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0:25:00.123" v="2056" actId="20577"/>
          <ac:spMkLst>
            <pc:docMk/>
            <pc:sldMk cId="3259614896" sldId="331"/>
            <ac:spMk id="3" creationId="{8DD58D5C-5916-E306-32AF-BE3F1F5A2FC4}"/>
          </ac:spMkLst>
        </pc:spChg>
      </pc:sldChg>
      <pc:sldChg chg="modSp add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557068128" sldId="332"/>
        </pc:sldMkLst>
        <pc:spChg chg="mod">
          <ac:chgData name="Bende Siewertsen" userId="12c25a5f-4834-4a03-8ef3-d68dc2de672e" providerId="ADAL" clId="{950CC1C7-5E16-3C42-9643-52B989613ADD}" dt="2023-02-07T10:27:55.517" v="2129" actId="20577"/>
          <ac:spMkLst>
            <pc:docMk/>
            <pc:sldMk cId="557068128" sldId="332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0:26:17.683" v="2081" actId="20577"/>
          <ac:spMkLst>
            <pc:docMk/>
            <pc:sldMk cId="557068128" sldId="332"/>
            <ac:spMk id="3" creationId="{8DD58D5C-5916-E306-32AF-BE3F1F5A2FC4}"/>
          </ac:spMkLst>
        </pc:spChg>
      </pc:sldChg>
      <pc:sldChg chg="del">
        <pc:chgData name="Bende Siewertsen" userId="12c25a5f-4834-4a03-8ef3-d68dc2de672e" providerId="ADAL" clId="{950CC1C7-5E16-3C42-9643-52B989613ADD}" dt="2023-02-07T09:47:39.494" v="26" actId="2696"/>
        <pc:sldMkLst>
          <pc:docMk/>
          <pc:sldMk cId="2951716054" sldId="332"/>
        </pc:sldMkLst>
      </pc:sldChg>
      <pc:sldChg chg="del">
        <pc:chgData name="Bende Siewertsen" userId="12c25a5f-4834-4a03-8ef3-d68dc2de672e" providerId="ADAL" clId="{950CC1C7-5E16-3C42-9643-52B989613ADD}" dt="2023-02-07T09:47:39.608" v="35" actId="2696"/>
        <pc:sldMkLst>
          <pc:docMk/>
          <pc:sldMk cId="428791519" sldId="333"/>
        </pc:sldMkLst>
      </pc:sldChg>
      <pc:sldChg chg="modSp add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3000699520" sldId="333"/>
        </pc:sldMkLst>
        <pc:spChg chg="mod">
          <ac:chgData name="Bende Siewertsen" userId="12c25a5f-4834-4a03-8ef3-d68dc2de672e" providerId="ADAL" clId="{950CC1C7-5E16-3C42-9643-52B989613ADD}" dt="2023-02-07T10:26:49.388" v="2109" actId="20577"/>
          <ac:spMkLst>
            <pc:docMk/>
            <pc:sldMk cId="3000699520" sldId="333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0:27:38.859" v="2127" actId="20577"/>
          <ac:spMkLst>
            <pc:docMk/>
            <pc:sldMk cId="3000699520" sldId="333"/>
            <ac:spMk id="3" creationId="{8DD58D5C-5916-E306-32AF-BE3F1F5A2FC4}"/>
          </ac:spMkLst>
        </pc:spChg>
      </pc:sldChg>
      <pc:sldChg chg="addSp delSp modSp new mod modTransition modClrScheme chgLayout">
        <pc:chgData name="Bende Siewertsen" userId="12c25a5f-4834-4a03-8ef3-d68dc2de672e" providerId="ADAL" clId="{950CC1C7-5E16-3C42-9643-52B989613ADD}" dt="2023-02-07T14:15:18.411" v="4078" actId="20577"/>
        <pc:sldMkLst>
          <pc:docMk/>
          <pc:sldMk cId="1189092524" sldId="334"/>
        </pc:sldMkLst>
        <pc:spChg chg="mod">
          <ac:chgData name="Bende Siewertsen" userId="12c25a5f-4834-4a03-8ef3-d68dc2de672e" providerId="ADAL" clId="{950CC1C7-5E16-3C42-9643-52B989613ADD}" dt="2023-02-07T10:41:28.263" v="2474" actId="26606"/>
          <ac:spMkLst>
            <pc:docMk/>
            <pc:sldMk cId="1189092524" sldId="334"/>
            <ac:spMk id="2" creationId="{842E55BB-0792-9491-F5A8-61B88A153F05}"/>
          </ac:spMkLst>
        </pc:spChg>
        <pc:spChg chg="add del mod">
          <ac:chgData name="Bende Siewertsen" userId="12c25a5f-4834-4a03-8ef3-d68dc2de672e" providerId="ADAL" clId="{950CC1C7-5E16-3C42-9643-52B989613ADD}" dt="2023-02-07T10:40:39.533" v="2467" actId="26606"/>
          <ac:spMkLst>
            <pc:docMk/>
            <pc:sldMk cId="1189092524" sldId="334"/>
            <ac:spMk id="3" creationId="{FC51EBF7-A61A-20C6-A056-43F4F867F1B6}"/>
          </ac:spMkLst>
        </pc:spChg>
        <pc:spChg chg="mod">
          <ac:chgData name="Bende Siewertsen" userId="12c25a5f-4834-4a03-8ef3-d68dc2de672e" providerId="ADAL" clId="{950CC1C7-5E16-3C42-9643-52B989613ADD}" dt="2023-02-07T10:40:39.533" v="2467" actId="26606"/>
          <ac:spMkLst>
            <pc:docMk/>
            <pc:sldMk cId="1189092524" sldId="334"/>
            <ac:spMk id="4" creationId="{F21D33AE-951F-FCB4-C3B5-A59BCB519747}"/>
          </ac:spMkLst>
        </pc:spChg>
        <pc:spChg chg="add del">
          <ac:chgData name="Bende Siewertsen" userId="12c25a5f-4834-4a03-8ef3-d68dc2de672e" providerId="ADAL" clId="{950CC1C7-5E16-3C42-9643-52B989613ADD}" dt="2023-02-07T10:40:39.533" v="2467" actId="26606"/>
          <ac:spMkLst>
            <pc:docMk/>
            <pc:sldMk cId="1189092524" sldId="334"/>
            <ac:spMk id="5" creationId="{41981CAB-77C7-0966-91C3-C6608C8FEBF3}"/>
          </ac:spMkLst>
        </pc:spChg>
        <pc:spChg chg="mod">
          <ac:chgData name="Bende Siewertsen" userId="12c25a5f-4834-4a03-8ef3-d68dc2de672e" providerId="ADAL" clId="{950CC1C7-5E16-3C42-9643-52B989613ADD}" dt="2023-02-07T10:40:39.533" v="2467" actId="26606"/>
          <ac:spMkLst>
            <pc:docMk/>
            <pc:sldMk cId="1189092524" sldId="334"/>
            <ac:spMk id="6" creationId="{20EBFDB3-4D25-BBB2-05B8-54EC4F5C9D95}"/>
          </ac:spMkLst>
        </pc:spChg>
        <pc:spChg chg="add del">
          <ac:chgData name="Bende Siewertsen" userId="12c25a5f-4834-4a03-8ef3-d68dc2de672e" providerId="ADAL" clId="{950CC1C7-5E16-3C42-9643-52B989613ADD}" dt="2023-02-07T10:31:59.552" v="2215" actId="22"/>
          <ac:spMkLst>
            <pc:docMk/>
            <pc:sldMk cId="1189092524" sldId="334"/>
            <ac:spMk id="8" creationId="{28C403F0-11DF-6364-32EB-D73020E08101}"/>
          </ac:spMkLst>
        </pc:spChg>
        <pc:spChg chg="add del mod">
          <ac:chgData name="Bende Siewertsen" userId="12c25a5f-4834-4a03-8ef3-d68dc2de672e" providerId="ADAL" clId="{950CC1C7-5E16-3C42-9643-52B989613ADD}" dt="2023-02-07T10:40:39.489" v="2466" actId="26606"/>
          <ac:spMkLst>
            <pc:docMk/>
            <pc:sldMk cId="1189092524" sldId="334"/>
            <ac:spMk id="12" creationId="{687081E5-60E1-1A28-1901-68A612FC04C2}"/>
          </ac:spMkLst>
        </pc:spChg>
        <pc:spChg chg="add del mod">
          <ac:chgData name="Bende Siewertsen" userId="12c25a5f-4834-4a03-8ef3-d68dc2de672e" providerId="ADAL" clId="{950CC1C7-5E16-3C42-9643-52B989613ADD}" dt="2023-02-07T10:40:39.489" v="2466" actId="26606"/>
          <ac:spMkLst>
            <pc:docMk/>
            <pc:sldMk cId="1189092524" sldId="334"/>
            <ac:spMk id="14" creationId="{E899069F-2EE7-2FFF-242A-0FAA2306585E}"/>
          </ac:spMkLst>
        </pc:spChg>
        <pc:spChg chg="add del mod">
          <ac:chgData name="Bende Siewertsen" userId="12c25a5f-4834-4a03-8ef3-d68dc2de672e" providerId="ADAL" clId="{950CC1C7-5E16-3C42-9643-52B989613ADD}" dt="2023-02-07T10:41:28.263" v="2474" actId="26606"/>
          <ac:spMkLst>
            <pc:docMk/>
            <pc:sldMk cId="1189092524" sldId="334"/>
            <ac:spMk id="16" creationId="{423DAC50-089A-0FD7-A296-F2618752534B}"/>
          </ac:spMkLst>
        </pc:spChg>
        <pc:spChg chg="add del mod">
          <ac:chgData name="Bende Siewertsen" userId="12c25a5f-4834-4a03-8ef3-d68dc2de672e" providerId="ADAL" clId="{950CC1C7-5E16-3C42-9643-52B989613ADD}" dt="2023-02-07T10:41:28.263" v="2474" actId="26606"/>
          <ac:spMkLst>
            <pc:docMk/>
            <pc:sldMk cId="1189092524" sldId="334"/>
            <ac:spMk id="19" creationId="{64772A74-08D3-1122-2C2D-2740EB32158E}"/>
          </ac:spMkLst>
        </pc:spChg>
        <pc:spChg chg="add del mod">
          <ac:chgData name="Bende Siewertsen" userId="12c25a5f-4834-4a03-8ef3-d68dc2de672e" providerId="ADAL" clId="{950CC1C7-5E16-3C42-9643-52B989613ADD}" dt="2023-02-07T10:41:12.916" v="2469" actId="26606"/>
          <ac:spMkLst>
            <pc:docMk/>
            <pc:sldMk cId="1189092524" sldId="334"/>
            <ac:spMk id="22" creationId="{64772A74-08D3-1122-2C2D-2740EB32158E}"/>
          </ac:spMkLst>
        </pc:spChg>
        <pc:spChg chg="add del mod">
          <ac:chgData name="Bende Siewertsen" userId="12c25a5f-4834-4a03-8ef3-d68dc2de672e" providerId="ADAL" clId="{950CC1C7-5E16-3C42-9643-52B989613ADD}" dt="2023-02-07T10:41:16.029" v="2471" actId="26606"/>
          <ac:spMkLst>
            <pc:docMk/>
            <pc:sldMk cId="1189092524" sldId="334"/>
            <ac:spMk id="24" creationId="{176DA9E8-75D8-8826-F4D3-D2C0E7A06440}"/>
          </ac:spMkLst>
        </pc:spChg>
        <pc:graphicFrameChg chg="add del mod">
          <ac:chgData name="Bende Siewertsen" userId="12c25a5f-4834-4a03-8ef3-d68dc2de672e" providerId="ADAL" clId="{950CC1C7-5E16-3C42-9643-52B989613ADD}" dt="2023-02-07T10:40:39.489" v="2466" actId="26606"/>
          <ac:graphicFrameMkLst>
            <pc:docMk/>
            <pc:sldMk cId="1189092524" sldId="334"/>
            <ac:graphicFrameMk id="9" creationId="{D77C1204-03BA-C039-14FA-BA5388B2F1B6}"/>
          </ac:graphicFrameMkLst>
        </pc:graphicFrameChg>
        <pc:graphicFrameChg chg="add mod modGraphic">
          <ac:chgData name="Bende Siewertsen" userId="12c25a5f-4834-4a03-8ef3-d68dc2de672e" providerId="ADAL" clId="{950CC1C7-5E16-3C42-9643-52B989613ADD}" dt="2023-02-07T14:15:18.411" v="4078" actId="20577"/>
          <ac:graphicFrameMkLst>
            <pc:docMk/>
            <pc:sldMk cId="1189092524" sldId="334"/>
            <ac:graphicFrameMk id="17" creationId="{01D50451-D6F8-DC65-FE34-727970880B18}"/>
          </ac:graphicFrameMkLst>
        </pc:graphicFrameChg>
      </pc:sldChg>
      <pc:sldChg chg="del">
        <pc:chgData name="Bende Siewertsen" userId="12c25a5f-4834-4a03-8ef3-d68dc2de672e" providerId="ADAL" clId="{950CC1C7-5E16-3C42-9643-52B989613ADD}" dt="2023-02-07T09:47:39.616" v="36" actId="2696"/>
        <pc:sldMkLst>
          <pc:docMk/>
          <pc:sldMk cId="2076240072" sldId="334"/>
        </pc:sldMkLst>
      </pc:sldChg>
      <pc:sldChg chg="addSp delSp modSp add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883644932" sldId="335"/>
        </pc:sldMkLst>
        <pc:spChg chg="mod">
          <ac:chgData name="Bende Siewertsen" userId="12c25a5f-4834-4a03-8ef3-d68dc2de672e" providerId="ADAL" clId="{950CC1C7-5E16-3C42-9643-52B989613ADD}" dt="2023-02-07T10:44:26.948" v="2503" actId="26606"/>
          <ac:spMkLst>
            <pc:docMk/>
            <pc:sldMk cId="883644932" sldId="335"/>
            <ac:spMk id="2" creationId="{842E55BB-0792-9491-F5A8-61B88A153F05}"/>
          </ac:spMkLst>
        </pc:spChg>
        <pc:spChg chg="add del mod">
          <ac:chgData name="Bende Siewertsen" userId="12c25a5f-4834-4a03-8ef3-d68dc2de672e" providerId="ADAL" clId="{950CC1C7-5E16-3C42-9643-52B989613ADD}" dt="2023-02-07T10:43:16.778" v="2491" actId="478"/>
          <ac:spMkLst>
            <pc:docMk/>
            <pc:sldMk cId="883644932" sldId="335"/>
            <ac:spMk id="3" creationId="{FC51EBF7-A61A-20C6-A056-43F4F867F1B6}"/>
          </ac:spMkLst>
        </pc:spChg>
        <pc:spChg chg="mod">
          <ac:chgData name="Bende Siewertsen" userId="12c25a5f-4834-4a03-8ef3-d68dc2de672e" providerId="ADAL" clId="{950CC1C7-5E16-3C42-9643-52B989613ADD}" dt="2023-02-07T10:40:21.179" v="2464" actId="26606"/>
          <ac:spMkLst>
            <pc:docMk/>
            <pc:sldMk cId="883644932" sldId="335"/>
            <ac:spMk id="4" creationId="{F21D33AE-951F-FCB4-C3B5-A59BCB519747}"/>
          </ac:spMkLst>
        </pc:spChg>
        <pc:spChg chg="add del">
          <ac:chgData name="Bende Siewertsen" userId="12c25a5f-4834-4a03-8ef3-d68dc2de672e" providerId="ADAL" clId="{950CC1C7-5E16-3C42-9643-52B989613ADD}" dt="2023-02-07T10:40:21.179" v="2464" actId="26606"/>
          <ac:spMkLst>
            <pc:docMk/>
            <pc:sldMk cId="883644932" sldId="335"/>
            <ac:spMk id="5" creationId="{41981CAB-77C7-0966-91C3-C6608C8FEBF3}"/>
          </ac:spMkLst>
        </pc:spChg>
        <pc:spChg chg="mod">
          <ac:chgData name="Bende Siewertsen" userId="12c25a5f-4834-4a03-8ef3-d68dc2de672e" providerId="ADAL" clId="{950CC1C7-5E16-3C42-9643-52B989613ADD}" dt="2023-02-07T10:40:21.179" v="2464" actId="26606"/>
          <ac:spMkLst>
            <pc:docMk/>
            <pc:sldMk cId="883644932" sldId="335"/>
            <ac:spMk id="6" creationId="{20EBFDB3-4D25-BBB2-05B8-54EC4F5C9D95}"/>
          </ac:spMkLst>
        </pc:spChg>
        <pc:spChg chg="add del mod">
          <ac:chgData name="Bende Siewertsen" userId="12c25a5f-4834-4a03-8ef3-d68dc2de672e" providerId="ADAL" clId="{950CC1C7-5E16-3C42-9643-52B989613ADD}" dt="2023-02-07T10:41:56.956" v="2478" actId="26606"/>
          <ac:spMkLst>
            <pc:docMk/>
            <pc:sldMk cId="883644932" sldId="335"/>
            <ac:spMk id="10" creationId="{477835E7-FC88-1022-3375-9578967EDC53}"/>
          </ac:spMkLst>
        </pc:spChg>
        <pc:spChg chg="add del mod">
          <ac:chgData name="Bende Siewertsen" userId="12c25a5f-4834-4a03-8ef3-d68dc2de672e" providerId="ADAL" clId="{950CC1C7-5E16-3C42-9643-52B989613ADD}" dt="2023-02-07T10:34:09.424" v="2257" actId="26606"/>
          <ac:spMkLst>
            <pc:docMk/>
            <pc:sldMk cId="883644932" sldId="335"/>
            <ac:spMk id="12" creationId="{3E9FA5C8-0810-F901-B218-BE0E9C3C4B87}"/>
          </ac:spMkLst>
        </pc:spChg>
        <pc:spChg chg="add del mod">
          <ac:chgData name="Bende Siewertsen" userId="12c25a5f-4834-4a03-8ef3-d68dc2de672e" providerId="ADAL" clId="{950CC1C7-5E16-3C42-9643-52B989613ADD}" dt="2023-02-07T10:42:13.493" v="2480" actId="26606"/>
          <ac:spMkLst>
            <pc:docMk/>
            <pc:sldMk cId="883644932" sldId="335"/>
            <ac:spMk id="13" creationId="{261B1644-38F7-8337-E43C-F8BB679510A0}"/>
          </ac:spMkLst>
        </pc:spChg>
        <pc:spChg chg="add del mod">
          <ac:chgData name="Bende Siewertsen" userId="12c25a5f-4834-4a03-8ef3-d68dc2de672e" providerId="ADAL" clId="{950CC1C7-5E16-3C42-9643-52B989613ADD}" dt="2023-02-07T10:34:09.424" v="2257" actId="26606"/>
          <ac:spMkLst>
            <pc:docMk/>
            <pc:sldMk cId="883644932" sldId="335"/>
            <ac:spMk id="14" creationId="{6CB92CC3-4AB3-31EA-4C03-BCD8418ED497}"/>
          </ac:spMkLst>
        </pc:spChg>
        <pc:spChg chg="add del mod">
          <ac:chgData name="Bende Siewertsen" userId="12c25a5f-4834-4a03-8ef3-d68dc2de672e" providerId="ADAL" clId="{950CC1C7-5E16-3C42-9643-52B989613ADD}" dt="2023-02-07T10:42:13.493" v="2480" actId="26606"/>
          <ac:spMkLst>
            <pc:docMk/>
            <pc:sldMk cId="883644932" sldId="335"/>
            <ac:spMk id="15" creationId="{7A41006E-081F-9ABA-1F3C-33769672C1EF}"/>
          </ac:spMkLst>
        </pc:spChg>
        <pc:spChg chg="add del mod">
          <ac:chgData name="Bende Siewertsen" userId="12c25a5f-4834-4a03-8ef3-d68dc2de672e" providerId="ADAL" clId="{950CC1C7-5E16-3C42-9643-52B989613ADD}" dt="2023-02-07T10:42:27.500" v="2484" actId="26606"/>
          <ac:spMkLst>
            <pc:docMk/>
            <pc:sldMk cId="883644932" sldId="335"/>
            <ac:spMk id="17" creationId="{A5D04DC0-9657-BBC2-17AA-A18C86D0AB4A}"/>
          </ac:spMkLst>
        </pc:spChg>
        <pc:spChg chg="add del mod">
          <ac:chgData name="Bende Siewertsen" userId="12c25a5f-4834-4a03-8ef3-d68dc2de672e" providerId="ADAL" clId="{950CC1C7-5E16-3C42-9643-52B989613ADD}" dt="2023-02-07T10:42:27.500" v="2484" actId="26606"/>
          <ac:spMkLst>
            <pc:docMk/>
            <pc:sldMk cId="883644932" sldId="335"/>
            <ac:spMk id="18" creationId="{512751D2-61A2-A999-2F27-D01D7F9BE961}"/>
          </ac:spMkLst>
        </pc:spChg>
        <pc:spChg chg="add del mod">
          <ac:chgData name="Bende Siewertsen" userId="12c25a5f-4834-4a03-8ef3-d68dc2de672e" providerId="ADAL" clId="{950CC1C7-5E16-3C42-9643-52B989613ADD}" dt="2023-02-07T10:44:26.948" v="2503" actId="26606"/>
          <ac:spMkLst>
            <pc:docMk/>
            <pc:sldMk cId="883644932" sldId="335"/>
            <ac:spMk id="21" creationId="{B7EE0348-8A88-F299-0176-1CBD2A4A27EB}"/>
          </ac:spMkLst>
        </pc:spChg>
        <pc:spChg chg="add mod">
          <ac:chgData name="Bende Siewertsen" userId="12c25a5f-4834-4a03-8ef3-d68dc2de672e" providerId="ADAL" clId="{950CC1C7-5E16-3C42-9643-52B989613ADD}" dt="2023-02-07T10:44:26.948" v="2503" actId="26606"/>
          <ac:spMkLst>
            <pc:docMk/>
            <pc:sldMk cId="883644932" sldId="335"/>
            <ac:spMk id="23" creationId="{C4EA1488-B887-DD33-1E2B-4FB5A7A0F730}"/>
          </ac:spMkLst>
        </pc:spChg>
        <pc:spChg chg="add del mod">
          <ac:chgData name="Bende Siewertsen" userId="12c25a5f-4834-4a03-8ef3-d68dc2de672e" providerId="ADAL" clId="{950CC1C7-5E16-3C42-9643-52B989613ADD}" dt="2023-02-07T10:42:26.207" v="2483" actId="26606"/>
          <ac:spMkLst>
            <pc:docMk/>
            <pc:sldMk cId="883644932" sldId="335"/>
            <ac:spMk id="24" creationId="{78859A96-AB9E-B971-54CC-F6240194EDD8}"/>
          </ac:spMkLst>
        </pc:spChg>
        <pc:spChg chg="add del mod">
          <ac:chgData name="Bende Siewertsen" userId="12c25a5f-4834-4a03-8ef3-d68dc2de672e" providerId="ADAL" clId="{950CC1C7-5E16-3C42-9643-52B989613ADD}" dt="2023-02-07T10:43:45.121" v="2494" actId="26606"/>
          <ac:spMkLst>
            <pc:docMk/>
            <pc:sldMk cId="883644932" sldId="335"/>
            <ac:spMk id="26" creationId="{3A500CDF-3A71-B395-02DC-613E40D4A013}"/>
          </ac:spMkLst>
        </pc:spChg>
        <pc:spChg chg="add del mod">
          <ac:chgData name="Bende Siewertsen" userId="12c25a5f-4834-4a03-8ef3-d68dc2de672e" providerId="ADAL" clId="{950CC1C7-5E16-3C42-9643-52B989613ADD}" dt="2023-02-07T10:43:50.312" v="2496" actId="26606"/>
          <ac:spMkLst>
            <pc:docMk/>
            <pc:sldMk cId="883644932" sldId="335"/>
            <ac:spMk id="28" creationId="{3A500CDF-3A71-B395-02DC-613E40D4A013}"/>
          </ac:spMkLst>
        </pc:spChg>
        <pc:spChg chg="add del mod">
          <ac:chgData name="Bende Siewertsen" userId="12c25a5f-4834-4a03-8ef3-d68dc2de672e" providerId="ADAL" clId="{950CC1C7-5E16-3C42-9643-52B989613ADD}" dt="2023-02-07T10:43:54.171" v="2498" actId="26606"/>
          <ac:spMkLst>
            <pc:docMk/>
            <pc:sldMk cId="883644932" sldId="335"/>
            <ac:spMk id="30" creationId="{135068E3-250B-37BD-4143-93822B61F9AA}"/>
          </ac:spMkLst>
        </pc:spChg>
        <pc:spChg chg="add del mod">
          <ac:chgData name="Bende Siewertsen" userId="12c25a5f-4834-4a03-8ef3-d68dc2de672e" providerId="ADAL" clId="{950CC1C7-5E16-3C42-9643-52B989613ADD}" dt="2023-02-07T10:44:13.767" v="2502" actId="26606"/>
          <ac:spMkLst>
            <pc:docMk/>
            <pc:sldMk cId="883644932" sldId="335"/>
            <ac:spMk id="32" creationId="{3A500CDF-3A71-B395-02DC-613E40D4A013}"/>
          </ac:spMkLst>
        </pc:spChg>
        <pc:spChg chg="add del">
          <ac:chgData name="Bende Siewertsen" userId="12c25a5f-4834-4a03-8ef3-d68dc2de672e" providerId="ADAL" clId="{950CC1C7-5E16-3C42-9643-52B989613ADD}" dt="2023-02-07T10:44:13.356" v="2501" actId="26606"/>
          <ac:spMkLst>
            <pc:docMk/>
            <pc:sldMk cId="883644932" sldId="335"/>
            <ac:spMk id="37" creationId="{F5178E60-BA8A-D084-C1CE-F87DE63BC8EE}"/>
          </ac:spMkLst>
        </pc:spChg>
        <pc:graphicFrameChg chg="add mod modGraphic">
          <ac:chgData name="Bende Siewertsen" userId="12c25a5f-4834-4a03-8ef3-d68dc2de672e" providerId="ADAL" clId="{950CC1C7-5E16-3C42-9643-52B989613ADD}" dt="2023-02-07T10:45:47.633" v="2517" actId="12100"/>
          <ac:graphicFrameMkLst>
            <pc:docMk/>
            <pc:sldMk cId="883644932" sldId="335"/>
            <ac:graphicFrameMk id="7" creationId="{541C33F7-3874-B4AE-0497-95E9E9CE91AA}"/>
          </ac:graphicFrameMkLst>
        </pc:graphicFrameChg>
        <pc:graphicFrameChg chg="add del mod">
          <ac:chgData name="Bende Siewertsen" userId="12c25a5f-4834-4a03-8ef3-d68dc2de672e" providerId="ADAL" clId="{950CC1C7-5E16-3C42-9643-52B989613ADD}" dt="2023-02-07T10:34:09.424" v="2257" actId="26606"/>
          <ac:graphicFrameMkLst>
            <pc:docMk/>
            <pc:sldMk cId="883644932" sldId="335"/>
            <ac:graphicFrameMk id="8" creationId="{98DAB175-70A5-333A-2373-3CF447E6702A}"/>
          </ac:graphicFrameMkLst>
        </pc:graphicFrameChg>
        <pc:graphicFrameChg chg="add del mod">
          <ac:chgData name="Bende Siewertsen" userId="12c25a5f-4834-4a03-8ef3-d68dc2de672e" providerId="ADAL" clId="{950CC1C7-5E16-3C42-9643-52B989613ADD}" dt="2023-02-07T10:41:56.956" v="2478" actId="26606"/>
          <ac:graphicFrameMkLst>
            <pc:docMk/>
            <pc:sldMk cId="883644932" sldId="335"/>
            <ac:graphicFrameMk id="11" creationId="{924A23FD-9B9E-79DC-70C3-450D8614345A}"/>
          </ac:graphicFrameMkLst>
        </pc:graphicFrameChg>
        <pc:graphicFrameChg chg="add del mod">
          <ac:chgData name="Bende Siewertsen" userId="12c25a5f-4834-4a03-8ef3-d68dc2de672e" providerId="ADAL" clId="{950CC1C7-5E16-3C42-9643-52B989613ADD}" dt="2023-02-07T10:42:13.493" v="2480" actId="26606"/>
          <ac:graphicFrameMkLst>
            <pc:docMk/>
            <pc:sldMk cId="883644932" sldId="335"/>
            <ac:graphicFrameMk id="16" creationId="{1C9528F6-E73E-49C9-3191-939C27AD99ED}"/>
          </ac:graphicFrameMkLst>
        </pc:graphicFrameChg>
        <pc:graphicFrameChg chg="add del mod modGraphic">
          <ac:chgData name="Bende Siewertsen" userId="12c25a5f-4834-4a03-8ef3-d68dc2de672e" providerId="ADAL" clId="{950CC1C7-5E16-3C42-9643-52B989613ADD}" dt="2023-02-07T10:42:27.500" v="2484" actId="26606"/>
          <ac:graphicFrameMkLst>
            <pc:docMk/>
            <pc:sldMk cId="883644932" sldId="335"/>
            <ac:graphicFrameMk id="19" creationId="{6A6D8B67-7603-3A18-E9AC-6E4C9F57936F}"/>
          </ac:graphicFrameMkLst>
        </pc:graphicFrameChg>
        <pc:picChg chg="add del">
          <ac:chgData name="Bende Siewertsen" userId="12c25a5f-4834-4a03-8ef3-d68dc2de672e" providerId="ADAL" clId="{950CC1C7-5E16-3C42-9643-52B989613ADD}" dt="2023-02-07T10:42:48.353" v="2486" actId="478"/>
          <ac:picMkLst>
            <pc:docMk/>
            <pc:sldMk cId="883644932" sldId="335"/>
            <ac:picMk id="9" creationId="{3824E7EA-7143-1485-94B6-CD6CC197ABFA}"/>
          </ac:picMkLst>
        </pc:picChg>
      </pc:sldChg>
      <pc:sldChg chg="del">
        <pc:chgData name="Bende Siewertsen" userId="12c25a5f-4834-4a03-8ef3-d68dc2de672e" providerId="ADAL" clId="{950CC1C7-5E16-3C42-9643-52B989613ADD}" dt="2023-02-07T09:47:39.635" v="37" actId="2696"/>
        <pc:sldMkLst>
          <pc:docMk/>
          <pc:sldMk cId="2535046106" sldId="335"/>
        </pc:sldMkLst>
      </pc:sldChg>
      <pc:sldChg chg="addSp delSp modSp add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2621684050" sldId="336"/>
        </pc:sldMkLst>
        <pc:spChg chg="mo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2" creationId="{842E55BB-0792-9491-F5A8-61B88A153F05}"/>
          </ac:spMkLst>
        </pc:spChg>
        <pc:spChg chg="add del mo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3" creationId="{FC51EBF7-A61A-20C6-A056-43F4F867F1B6}"/>
          </ac:spMkLst>
        </pc:spChg>
        <pc:spChg chg="mo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4" creationId="{F21D33AE-951F-FCB4-C3B5-A59BCB519747}"/>
          </ac:spMkLst>
        </pc:spChg>
        <pc:spChg chg="add del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5" creationId="{41981CAB-77C7-0966-91C3-C6608C8FEBF3}"/>
          </ac:spMkLst>
        </pc:spChg>
        <pc:spChg chg="mo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6" creationId="{20EBFDB3-4D25-BBB2-05B8-54EC4F5C9D95}"/>
          </ac:spMkLst>
        </pc:spChg>
        <pc:spChg chg="add del">
          <ac:chgData name="Bende Siewertsen" userId="12c25a5f-4834-4a03-8ef3-d68dc2de672e" providerId="ADAL" clId="{950CC1C7-5E16-3C42-9643-52B989613ADD}" dt="2023-02-07T10:38:51.920" v="2446" actId="26606"/>
          <ac:spMkLst>
            <pc:docMk/>
            <pc:sldMk cId="2621684050" sldId="336"/>
            <ac:spMk id="12" creationId="{E50E83C4-6FDA-E529-F8D9-D777FF9FD826}"/>
          </ac:spMkLst>
        </pc:spChg>
        <pc:spChg chg="ad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14" creationId="{0B5ED656-C0B0-B175-585B-C2638CCA13FD}"/>
          </ac:spMkLst>
        </pc:spChg>
        <pc:graphicFrameChg chg="add del">
          <ac:chgData name="Bende Siewertsen" userId="12c25a5f-4834-4a03-8ef3-d68dc2de672e" providerId="ADAL" clId="{950CC1C7-5E16-3C42-9643-52B989613ADD}" dt="2023-02-07T10:38:51.920" v="2446" actId="26606"/>
          <ac:graphicFrameMkLst>
            <pc:docMk/>
            <pc:sldMk cId="2621684050" sldId="336"/>
            <ac:graphicFrameMk id="8" creationId="{5066204B-5BD2-681B-5349-115207671A9E}"/>
          </ac:graphicFrameMkLst>
        </pc:graphicFrameChg>
        <pc:graphicFrameChg chg="add mod">
          <ac:chgData name="Bende Siewertsen" userId="12c25a5f-4834-4a03-8ef3-d68dc2de672e" providerId="ADAL" clId="{950CC1C7-5E16-3C42-9643-52B989613ADD}" dt="2023-02-07T10:39:08.877" v="2449" actId="20577"/>
          <ac:graphicFrameMkLst>
            <pc:docMk/>
            <pc:sldMk cId="2621684050" sldId="336"/>
            <ac:graphicFrameMk id="15" creationId="{74437F3C-C343-0DA4-AF9D-806D5825891C}"/>
          </ac:graphicFrameMkLst>
        </pc:graphicFrameChg>
      </pc:sldChg>
      <pc:sldChg chg="del">
        <pc:chgData name="Bende Siewertsen" userId="12c25a5f-4834-4a03-8ef3-d68dc2de672e" providerId="ADAL" clId="{950CC1C7-5E16-3C42-9643-52B989613ADD}" dt="2023-02-07T09:47:39.660" v="38" actId="2696"/>
        <pc:sldMkLst>
          <pc:docMk/>
          <pc:sldMk cId="4040613976" sldId="336"/>
        </pc:sldMkLst>
      </pc:sldChg>
      <pc:sldChg chg="addSp delSp modSp add mod or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3875479437" sldId="337"/>
        </pc:sldMkLst>
        <pc:spChg chg="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2" creationId="{0B60C389-9C37-9473-2D2E-F099E74D6402}"/>
          </ac:spMkLst>
        </pc:spChg>
        <pc:spChg chg="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3" creationId="{F80B8BA8-AA87-B732-3214-8348A173C897}"/>
          </ac:spMkLst>
        </pc:spChg>
        <pc:spChg chg="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4" creationId="{01BE5405-004C-B4F4-D97F-1AB1B915EB13}"/>
          </ac:spMkLst>
        </pc:spChg>
        <pc:spChg chg="del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5" creationId="{ECC2421B-8FA4-E474-3C03-518C638A2142}"/>
          </ac:spMkLst>
        </pc:spChg>
        <pc:spChg chg="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6" creationId="{6B2B4BD9-1AFD-31E1-FCC3-0045CD4B034E}"/>
          </ac:spMkLst>
        </pc:spChg>
        <pc:spChg chg="add 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12" creationId="{C09DB7CF-CFF5-5F4D-2EB5-7FC508C1290C}"/>
          </ac:spMkLst>
        </pc:spChg>
        <pc:picChg chg="mod ord">
          <ac:chgData name="Bende Siewertsen" userId="12c25a5f-4834-4a03-8ef3-d68dc2de672e" providerId="ADAL" clId="{950CC1C7-5E16-3C42-9643-52B989613ADD}" dt="2023-02-07T10:59:22.569" v="2709" actId="26606"/>
          <ac:picMkLst>
            <pc:docMk/>
            <pc:sldMk cId="3875479437" sldId="337"/>
            <ac:picMk id="7" creationId="{91039968-7543-32DE-1627-57F17E9B7466}"/>
          </ac:picMkLst>
        </pc:picChg>
        <pc:picChg chg="del">
          <ac:chgData name="Bende Siewertsen" userId="12c25a5f-4834-4a03-8ef3-d68dc2de672e" providerId="ADAL" clId="{950CC1C7-5E16-3C42-9643-52B989613ADD}" dt="2023-02-07T10:59:09.401" v="2704" actId="478"/>
          <ac:picMkLst>
            <pc:docMk/>
            <pc:sldMk cId="3875479437" sldId="337"/>
            <ac:picMk id="8" creationId="{FEE949FF-5CDA-B2B7-1E79-D452719D606D}"/>
          </ac:picMkLst>
        </pc:picChg>
      </pc:sldChg>
      <pc:sldChg chg="del">
        <pc:chgData name="Bende Siewertsen" userId="12c25a5f-4834-4a03-8ef3-d68dc2de672e" providerId="ADAL" clId="{950CC1C7-5E16-3C42-9643-52B989613ADD}" dt="2023-02-07T09:47:47.490" v="40" actId="2696"/>
        <pc:sldMkLst>
          <pc:docMk/>
          <pc:sldMk cId="3887944326" sldId="337"/>
        </pc:sldMkLst>
      </pc:sldChg>
      <pc:sldChg chg="del">
        <pc:chgData name="Bende Siewertsen" userId="12c25a5f-4834-4a03-8ef3-d68dc2de672e" providerId="ADAL" clId="{950CC1C7-5E16-3C42-9643-52B989613ADD}" dt="2023-02-07T09:47:47.509" v="41" actId="2696"/>
        <pc:sldMkLst>
          <pc:docMk/>
          <pc:sldMk cId="2518759518" sldId="338"/>
        </pc:sldMkLst>
      </pc:sldChg>
      <pc:sldChg chg="addSp delSp modSp new del mod modTransition modClrScheme chgLayout">
        <pc:chgData name="Bende Siewertsen" userId="12c25a5f-4834-4a03-8ef3-d68dc2de672e" providerId="ADAL" clId="{950CC1C7-5E16-3C42-9643-52B989613ADD}" dt="2023-02-07T11:18:20.918" v="3578" actId="2696"/>
        <pc:sldMkLst>
          <pc:docMk/>
          <pc:sldMk cId="3752453945" sldId="338"/>
        </pc:sldMkLst>
        <pc:spChg chg="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2" creationId="{4929F187-137B-09F9-DA95-585CAD06BBE7}"/>
          </ac:spMkLst>
        </pc:spChg>
        <pc:spChg chg="del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3" creationId="{50DE11FA-DC8B-DBBB-EC3F-6429A691A6B5}"/>
          </ac:spMkLst>
        </pc:spChg>
        <pc:spChg chg="del 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4" creationId="{16A06032-3E93-9861-4A8E-808B15CF2401}"/>
          </ac:spMkLst>
        </pc:spChg>
        <pc:spChg chg="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5" creationId="{83D1C22F-4D25-B6DF-4DF8-E1D483E79E97}"/>
          </ac:spMkLst>
        </pc:spChg>
        <pc:spChg chg="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6" creationId="{AC4A3535-9EAF-439B-89F9-877FC7B044B2}"/>
          </ac:spMkLst>
        </pc:spChg>
        <pc:spChg chg="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7" creationId="{8522C9E3-71F3-53D4-3200-0EB2E6A82E13}"/>
          </ac:spMkLst>
        </pc:spChg>
        <pc:spChg chg="add 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8" creationId="{AD233397-96FF-06BE-877D-5F7612A6C0B8}"/>
          </ac:spMkLst>
        </pc:spChg>
      </pc:sldChg>
      <pc:sldChg chg="addSp delSp modSp add del mod">
        <pc:chgData name="Bende Siewertsen" userId="12c25a5f-4834-4a03-8ef3-d68dc2de672e" providerId="ADAL" clId="{950CC1C7-5E16-3C42-9643-52B989613ADD}" dt="2023-02-07T11:09:25.672" v="2837" actId="2696"/>
        <pc:sldMkLst>
          <pc:docMk/>
          <pc:sldMk cId="433806684" sldId="339"/>
        </pc:sldMkLst>
        <pc:spChg chg="mod">
          <ac:chgData name="Bende Siewertsen" userId="12c25a5f-4834-4a03-8ef3-d68dc2de672e" providerId="ADAL" clId="{950CC1C7-5E16-3C42-9643-52B989613ADD}" dt="2023-02-07T11:01:37.265" v="2774" actId="20577"/>
          <ac:spMkLst>
            <pc:docMk/>
            <pc:sldMk cId="433806684" sldId="339"/>
            <ac:spMk id="2" creationId="{4929F187-137B-09F9-DA95-585CAD06BBE7}"/>
          </ac:spMkLst>
        </pc:spChg>
        <pc:spChg chg="del">
          <ac:chgData name="Bende Siewertsen" userId="12c25a5f-4834-4a03-8ef3-d68dc2de672e" providerId="ADAL" clId="{950CC1C7-5E16-3C42-9643-52B989613ADD}" dt="2023-02-07T11:07:13.723" v="2808"/>
          <ac:spMkLst>
            <pc:docMk/>
            <pc:sldMk cId="433806684" sldId="339"/>
            <ac:spMk id="8" creationId="{AD233397-96FF-06BE-877D-5F7612A6C0B8}"/>
          </ac:spMkLst>
        </pc:spChg>
        <pc:spChg chg="add del mod">
          <ac:chgData name="Bende Siewertsen" userId="12c25a5f-4834-4a03-8ef3-d68dc2de672e" providerId="ADAL" clId="{950CC1C7-5E16-3C42-9643-52B989613ADD}" dt="2023-02-07T11:07:55.329" v="2822"/>
          <ac:spMkLst>
            <pc:docMk/>
            <pc:sldMk cId="433806684" sldId="339"/>
            <ac:spMk id="10" creationId="{9063292C-5313-0328-D399-FED1B1478713}"/>
          </ac:spMkLst>
        </pc:spChg>
        <pc:spChg chg="add del mod">
          <ac:chgData name="Bende Siewertsen" userId="12c25a5f-4834-4a03-8ef3-d68dc2de672e" providerId="ADAL" clId="{950CC1C7-5E16-3C42-9643-52B989613ADD}" dt="2023-02-07T11:08:53.096" v="2831" actId="478"/>
          <ac:spMkLst>
            <pc:docMk/>
            <pc:sldMk cId="433806684" sldId="339"/>
            <ac:spMk id="11" creationId="{465E9021-DBD1-571B-1622-A08E8A690E56}"/>
          </ac:spMkLst>
        </pc:spChg>
        <pc:spChg chg="add mod">
          <ac:chgData name="Bende Siewertsen" userId="12c25a5f-4834-4a03-8ef3-d68dc2de672e" providerId="ADAL" clId="{950CC1C7-5E16-3C42-9643-52B989613ADD}" dt="2023-02-07T11:08:56.774" v="2832" actId="1076"/>
          <ac:spMkLst>
            <pc:docMk/>
            <pc:sldMk cId="433806684" sldId="339"/>
            <ac:spMk id="13" creationId="{83FFBCDD-CA3A-B367-B68E-48E9433AB239}"/>
          </ac:spMkLst>
        </pc:spChg>
        <pc:picChg chg="add mod">
          <ac:chgData name="Bende Siewertsen" userId="12c25a5f-4834-4a03-8ef3-d68dc2de672e" providerId="ADAL" clId="{950CC1C7-5E16-3C42-9643-52B989613ADD}" dt="2023-02-07T11:08:23.691" v="2829" actId="14100"/>
          <ac:picMkLst>
            <pc:docMk/>
            <pc:sldMk cId="433806684" sldId="339"/>
            <ac:picMk id="3" creationId="{E6A55749-0250-F6FF-367A-C9BBDEE46243}"/>
          </ac:picMkLst>
        </pc:picChg>
        <pc:picChg chg="add del mod">
          <ac:chgData name="Bende Siewertsen" userId="12c25a5f-4834-4a03-8ef3-d68dc2de672e" providerId="ADAL" clId="{950CC1C7-5E16-3C42-9643-52B989613ADD}" dt="2023-02-07T11:08:16.937" v="2827" actId="478"/>
          <ac:picMkLst>
            <pc:docMk/>
            <pc:sldMk cId="433806684" sldId="339"/>
            <ac:picMk id="4" creationId="{E061F505-DDE5-84B7-3B53-84FE9FD0DB03}"/>
          </ac:picMkLst>
        </pc:picChg>
        <pc:picChg chg="add del mod">
          <ac:chgData name="Bende Siewertsen" userId="12c25a5f-4834-4a03-8ef3-d68dc2de672e" providerId="ADAL" clId="{950CC1C7-5E16-3C42-9643-52B989613ADD}" dt="2023-02-07T11:08:16.937" v="2827" actId="478"/>
          <ac:picMkLst>
            <pc:docMk/>
            <pc:sldMk cId="433806684" sldId="339"/>
            <ac:picMk id="9" creationId="{FB142F0D-BFCC-1857-EFCE-BC5A8F7AAA74}"/>
          </ac:picMkLst>
        </pc:picChg>
      </pc:sldChg>
      <pc:sldChg chg="del">
        <pc:chgData name="Bende Siewertsen" userId="12c25a5f-4834-4a03-8ef3-d68dc2de672e" providerId="ADAL" clId="{950CC1C7-5E16-3C42-9643-52B989613ADD}" dt="2023-02-07T09:47:47.521" v="42" actId="2696"/>
        <pc:sldMkLst>
          <pc:docMk/>
          <pc:sldMk cId="1199439687" sldId="339"/>
        </pc:sldMkLst>
      </pc:sldChg>
      <pc:sldChg chg="del">
        <pc:chgData name="Bende Siewertsen" userId="12c25a5f-4834-4a03-8ef3-d68dc2de672e" providerId="ADAL" clId="{950CC1C7-5E16-3C42-9643-52B989613ADD}" dt="2023-02-07T09:47:47.532" v="43" actId="2696"/>
        <pc:sldMkLst>
          <pc:docMk/>
          <pc:sldMk cId="3273495538" sldId="340"/>
        </pc:sldMkLst>
      </pc:sldChg>
      <pc:sldChg chg="addSp delSp modSp add mod modTransition modNotesTx">
        <pc:chgData name="Bende Siewertsen" userId="12c25a5f-4834-4a03-8ef3-d68dc2de672e" providerId="ADAL" clId="{950CC1C7-5E16-3C42-9643-52B989613ADD}" dt="2023-02-07T16:14:50.886" v="6426" actId="20577"/>
        <pc:sldMkLst>
          <pc:docMk/>
          <pc:sldMk cId="3601057507" sldId="340"/>
        </pc:sldMkLst>
        <pc:spChg chg="add mod">
          <ac:chgData name="Bende Siewertsen" userId="12c25a5f-4834-4a03-8ef3-d68dc2de672e" providerId="ADAL" clId="{950CC1C7-5E16-3C42-9643-52B989613ADD}" dt="2023-02-07T16:14:50.886" v="6426" actId="20577"/>
          <ac:spMkLst>
            <pc:docMk/>
            <pc:sldMk cId="3601057507" sldId="340"/>
            <ac:spMk id="10" creationId="{33DA9118-07F2-E824-DC8F-9FF358C855DA}"/>
          </ac:spMkLst>
        </pc:spChg>
        <pc:spChg chg="del">
          <ac:chgData name="Bende Siewertsen" userId="12c25a5f-4834-4a03-8ef3-d68dc2de672e" providerId="ADAL" clId="{950CC1C7-5E16-3C42-9643-52B989613ADD}" dt="2023-02-07T11:09:04.285" v="2833" actId="478"/>
          <ac:spMkLst>
            <pc:docMk/>
            <pc:sldMk cId="3601057507" sldId="340"/>
            <ac:spMk id="11" creationId="{465E9021-DBD1-571B-1622-A08E8A690E56}"/>
          </ac:spMkLst>
        </pc:spChg>
        <pc:spChg chg="add mod">
          <ac:chgData name="Bende Siewertsen" userId="12c25a5f-4834-4a03-8ef3-d68dc2de672e" providerId="ADAL" clId="{950CC1C7-5E16-3C42-9643-52B989613ADD}" dt="2023-02-07T11:11:59.523" v="3040" actId="14100"/>
          <ac:spMkLst>
            <pc:docMk/>
            <pc:sldMk cId="3601057507" sldId="340"/>
            <ac:spMk id="16" creationId="{5D360038-1011-C668-A2F9-1074A5B4DB9B}"/>
          </ac:spMkLst>
        </pc:spChg>
        <pc:picChg chg="mod">
          <ac:chgData name="Bende Siewertsen" userId="12c25a5f-4834-4a03-8ef3-d68dc2de672e" providerId="ADAL" clId="{950CC1C7-5E16-3C42-9643-52B989613ADD}" dt="2023-02-07T11:09:47.073" v="2850" actId="14100"/>
          <ac:picMkLst>
            <pc:docMk/>
            <pc:sldMk cId="3601057507" sldId="340"/>
            <ac:picMk id="3" creationId="{E6A55749-0250-F6FF-367A-C9BBDEE46243}"/>
          </ac:picMkLst>
        </pc:picChg>
        <pc:picChg chg="del">
          <ac:chgData name="Bende Siewertsen" userId="12c25a5f-4834-4a03-8ef3-d68dc2de672e" providerId="ADAL" clId="{950CC1C7-5E16-3C42-9643-52B989613ADD}" dt="2023-02-07T11:09:42.394" v="2848" actId="478"/>
          <ac:picMkLst>
            <pc:docMk/>
            <pc:sldMk cId="3601057507" sldId="340"/>
            <ac:picMk id="4" creationId="{E061F505-DDE5-84B7-3B53-84FE9FD0DB03}"/>
          </ac:picMkLst>
        </pc:picChg>
        <pc:picChg chg="del">
          <ac:chgData name="Bende Siewertsen" userId="12c25a5f-4834-4a03-8ef3-d68dc2de672e" providerId="ADAL" clId="{950CC1C7-5E16-3C42-9643-52B989613ADD}" dt="2023-02-07T11:09:15.639" v="2835" actId="478"/>
          <ac:picMkLst>
            <pc:docMk/>
            <pc:sldMk cId="3601057507" sldId="340"/>
            <ac:picMk id="9" creationId="{FB142F0D-BFCC-1857-EFCE-BC5A8F7AAA74}"/>
          </ac:picMkLst>
        </pc:picChg>
        <pc:picChg chg="add del mod">
          <ac:chgData name="Bende Siewertsen" userId="12c25a5f-4834-4a03-8ef3-d68dc2de672e" providerId="ADAL" clId="{950CC1C7-5E16-3C42-9643-52B989613ADD}" dt="2023-02-07T11:09:40.026" v="2847" actId="478"/>
          <ac:picMkLst>
            <pc:docMk/>
            <pc:sldMk cId="3601057507" sldId="340"/>
            <ac:picMk id="12" creationId="{C001F136-8FBB-9663-312A-614C52F975FD}"/>
          </ac:picMkLst>
        </pc:picChg>
        <pc:picChg chg="add del mod">
          <ac:chgData name="Bende Siewertsen" userId="12c25a5f-4834-4a03-8ef3-d68dc2de672e" providerId="ADAL" clId="{950CC1C7-5E16-3C42-9643-52B989613ADD}" dt="2023-02-07T11:09:31.564" v="2842"/>
          <ac:picMkLst>
            <pc:docMk/>
            <pc:sldMk cId="3601057507" sldId="340"/>
            <ac:picMk id="13" creationId="{39511582-619E-32F5-A28D-430F21435042}"/>
          </ac:picMkLst>
        </pc:picChg>
        <pc:picChg chg="add del mod">
          <ac:chgData name="Bende Siewertsen" userId="12c25a5f-4834-4a03-8ef3-d68dc2de672e" providerId="ADAL" clId="{950CC1C7-5E16-3C42-9643-52B989613ADD}" dt="2023-02-07T11:09:31.312" v="2841"/>
          <ac:picMkLst>
            <pc:docMk/>
            <pc:sldMk cId="3601057507" sldId="340"/>
            <ac:picMk id="14" creationId="{746CC0A9-F287-C7FE-CC7C-7DE0F3C8EE66}"/>
          </ac:picMkLst>
        </pc:picChg>
        <pc:picChg chg="add del mod">
          <ac:chgData name="Bende Siewertsen" userId="12c25a5f-4834-4a03-8ef3-d68dc2de672e" providerId="ADAL" clId="{950CC1C7-5E16-3C42-9643-52B989613ADD}" dt="2023-02-07T11:09:33.655" v="2844"/>
          <ac:picMkLst>
            <pc:docMk/>
            <pc:sldMk cId="3601057507" sldId="340"/>
            <ac:picMk id="15" creationId="{6AF8F790-AFD5-1963-9D01-F000D4134C00}"/>
          </ac:picMkLst>
        </pc:picChg>
      </pc:sldChg>
      <pc:sldChg chg="delSp add del mod">
        <pc:chgData name="Bende Siewertsen" userId="12c25a5f-4834-4a03-8ef3-d68dc2de672e" providerId="ADAL" clId="{950CC1C7-5E16-3C42-9643-52B989613ADD}" dt="2023-02-07T11:09:25.662" v="2836" actId="2696"/>
        <pc:sldMkLst>
          <pc:docMk/>
          <pc:sldMk cId="108788752" sldId="341"/>
        </pc:sldMkLst>
        <pc:spChg chg="del">
          <ac:chgData name="Bende Siewertsen" userId="12c25a5f-4834-4a03-8ef3-d68dc2de672e" providerId="ADAL" clId="{950CC1C7-5E16-3C42-9643-52B989613ADD}" dt="2023-02-07T11:09:08.449" v="2834" actId="478"/>
          <ac:spMkLst>
            <pc:docMk/>
            <pc:sldMk cId="108788752" sldId="341"/>
            <ac:spMk id="11" creationId="{465E9021-DBD1-571B-1622-A08E8A690E56}"/>
          </ac:spMkLst>
        </pc:spChg>
      </pc:sldChg>
      <pc:sldChg chg="del">
        <pc:chgData name="Bende Siewertsen" userId="12c25a5f-4834-4a03-8ef3-d68dc2de672e" providerId="ADAL" clId="{950CC1C7-5E16-3C42-9643-52B989613ADD}" dt="2023-02-07T09:47:47.543" v="44" actId="2696"/>
        <pc:sldMkLst>
          <pc:docMk/>
          <pc:sldMk cId="1724896543" sldId="341"/>
        </pc:sldMkLst>
      </pc:sldChg>
      <pc:sldChg chg="add del modTransition">
        <pc:chgData name="Bende Siewertsen" userId="12c25a5f-4834-4a03-8ef3-d68dc2de672e" providerId="ADAL" clId="{950CC1C7-5E16-3C42-9643-52B989613ADD}" dt="2023-02-07T11:14:44.523" v="3072" actId="2696"/>
        <pc:sldMkLst>
          <pc:docMk/>
          <pc:sldMk cId="3043572391" sldId="341"/>
        </pc:sldMkLst>
      </pc:sldChg>
      <pc:sldChg chg="del">
        <pc:chgData name="Bende Siewertsen" userId="12c25a5f-4834-4a03-8ef3-d68dc2de672e" providerId="ADAL" clId="{950CC1C7-5E16-3C42-9643-52B989613ADD}" dt="2023-02-07T09:47:47.552" v="45" actId="2696"/>
        <pc:sldMkLst>
          <pc:docMk/>
          <pc:sldMk cId="1847958412" sldId="342"/>
        </pc:sldMkLst>
      </pc:sldChg>
      <pc:sldChg chg="add del modTransition">
        <pc:chgData name="Bende Siewertsen" userId="12c25a5f-4834-4a03-8ef3-d68dc2de672e" providerId="ADAL" clId="{950CC1C7-5E16-3C42-9643-52B989613ADD}" dt="2023-02-07T11:14:44.521" v="3071" actId="2696"/>
        <pc:sldMkLst>
          <pc:docMk/>
          <pc:sldMk cId="2727037668" sldId="342"/>
        </pc:sldMkLst>
      </pc:sldChg>
      <pc:sldChg chg="addSp modSp add mod modTransition">
        <pc:chgData name="Bende Siewertsen" userId="12c25a5f-4834-4a03-8ef3-d68dc2de672e" providerId="ADAL" clId="{950CC1C7-5E16-3C42-9643-52B989613ADD}" dt="2023-02-07T11:18:10.680" v="3577" actId="20577"/>
        <pc:sldMkLst>
          <pc:docMk/>
          <pc:sldMk cId="342393432" sldId="343"/>
        </pc:sldMkLst>
        <pc:spChg chg="mod">
          <ac:chgData name="Bende Siewertsen" userId="12c25a5f-4834-4a03-8ef3-d68dc2de672e" providerId="ADAL" clId="{950CC1C7-5E16-3C42-9643-52B989613ADD}" dt="2023-02-07T11:18:10.680" v="3577" actId="20577"/>
          <ac:spMkLst>
            <pc:docMk/>
            <pc:sldMk cId="342393432" sldId="343"/>
            <ac:spMk id="10" creationId="{33DA9118-07F2-E824-DC8F-9FF358C855DA}"/>
          </ac:spMkLst>
        </pc:spChg>
        <pc:spChg chg="mod">
          <ac:chgData name="Bende Siewertsen" userId="12c25a5f-4834-4a03-8ef3-d68dc2de672e" providerId="ADAL" clId="{950CC1C7-5E16-3C42-9643-52B989613ADD}" dt="2023-02-07T11:12:51.178" v="3049" actId="14100"/>
          <ac:spMkLst>
            <pc:docMk/>
            <pc:sldMk cId="342393432" sldId="343"/>
            <ac:spMk id="16" creationId="{5D360038-1011-C668-A2F9-1074A5B4DB9B}"/>
          </ac:spMkLst>
        </pc:spChg>
        <pc:picChg chg="mod">
          <ac:chgData name="Bende Siewertsen" userId="12c25a5f-4834-4a03-8ef3-d68dc2de672e" providerId="ADAL" clId="{950CC1C7-5E16-3C42-9643-52B989613ADD}" dt="2023-02-07T11:12:18.555" v="3044" actId="1076"/>
          <ac:picMkLst>
            <pc:docMk/>
            <pc:sldMk cId="342393432" sldId="343"/>
            <ac:picMk id="3" creationId="{E6A55749-0250-F6FF-367A-C9BBDEE46243}"/>
          </ac:picMkLst>
        </pc:picChg>
        <pc:picChg chg="add mod">
          <ac:chgData name="Bende Siewertsen" userId="12c25a5f-4834-4a03-8ef3-d68dc2de672e" providerId="ADAL" clId="{950CC1C7-5E16-3C42-9643-52B989613ADD}" dt="2023-02-07T11:12:31.149" v="3046" actId="1076"/>
          <ac:picMkLst>
            <pc:docMk/>
            <pc:sldMk cId="342393432" sldId="343"/>
            <ac:picMk id="4" creationId="{B0721A94-B67C-6304-6EA7-7D8B609E403E}"/>
          </ac:picMkLst>
        </pc:picChg>
      </pc:sldChg>
      <pc:sldChg chg="del">
        <pc:chgData name="Bende Siewertsen" userId="12c25a5f-4834-4a03-8ef3-d68dc2de672e" providerId="ADAL" clId="{950CC1C7-5E16-3C42-9643-52B989613ADD}" dt="2023-02-07T09:48:18.218" v="47" actId="2696"/>
        <pc:sldMkLst>
          <pc:docMk/>
          <pc:sldMk cId="3044171865" sldId="343"/>
        </pc:sldMkLst>
      </pc:sldChg>
      <pc:sldChg chg="del">
        <pc:chgData name="Bende Siewertsen" userId="12c25a5f-4834-4a03-8ef3-d68dc2de672e" providerId="ADAL" clId="{950CC1C7-5E16-3C42-9643-52B989613ADD}" dt="2023-02-07T09:48:18.236" v="49" actId="2696"/>
        <pc:sldMkLst>
          <pc:docMk/>
          <pc:sldMk cId="839244627" sldId="344"/>
        </pc:sldMkLst>
      </pc:sldChg>
      <pc:sldChg chg="add del modTransition">
        <pc:chgData name="Bende Siewertsen" userId="12c25a5f-4834-4a03-8ef3-d68dc2de672e" providerId="ADAL" clId="{950CC1C7-5E16-3C42-9643-52B989613ADD}" dt="2023-02-07T11:14:44.511" v="3070" actId="2696"/>
        <pc:sldMkLst>
          <pc:docMk/>
          <pc:sldMk cId="4101401356" sldId="344"/>
        </pc:sldMkLst>
      </pc:sldChg>
      <pc:sldChg chg="addSp modSp add mod modTransition">
        <pc:chgData name="Bende Siewertsen" userId="12c25a5f-4834-4a03-8ef3-d68dc2de672e" providerId="ADAL" clId="{950CC1C7-5E16-3C42-9643-52B989613ADD}" dt="2023-02-07T11:20:24.682" v="3872" actId="20577"/>
        <pc:sldMkLst>
          <pc:docMk/>
          <pc:sldMk cId="584463721" sldId="345"/>
        </pc:sldMkLst>
        <pc:spChg chg="mod">
          <ac:chgData name="Bende Siewertsen" userId="12c25a5f-4834-4a03-8ef3-d68dc2de672e" providerId="ADAL" clId="{950CC1C7-5E16-3C42-9643-52B989613ADD}" dt="2023-02-07T11:20:24.682" v="3872" actId="20577"/>
          <ac:spMkLst>
            <pc:docMk/>
            <pc:sldMk cId="584463721" sldId="345"/>
            <ac:spMk id="10" creationId="{33DA9118-07F2-E824-DC8F-9FF358C855DA}"/>
          </ac:spMkLst>
        </pc:spChg>
        <pc:spChg chg="mod">
          <ac:chgData name="Bende Siewertsen" userId="12c25a5f-4834-4a03-8ef3-d68dc2de672e" providerId="ADAL" clId="{950CC1C7-5E16-3C42-9643-52B989613ADD}" dt="2023-02-07T11:13:47.972" v="3063" actId="14100"/>
          <ac:spMkLst>
            <pc:docMk/>
            <pc:sldMk cId="584463721" sldId="345"/>
            <ac:spMk id="16" creationId="{5D360038-1011-C668-A2F9-1074A5B4DB9B}"/>
          </ac:spMkLst>
        </pc:spChg>
        <pc:picChg chg="mod">
          <ac:chgData name="Bende Siewertsen" userId="12c25a5f-4834-4a03-8ef3-d68dc2de672e" providerId="ADAL" clId="{950CC1C7-5E16-3C42-9643-52B989613ADD}" dt="2023-02-07T11:13:27.410" v="3058" actId="1076"/>
          <ac:picMkLst>
            <pc:docMk/>
            <pc:sldMk cId="584463721" sldId="345"/>
            <ac:picMk id="3" creationId="{E6A55749-0250-F6FF-367A-C9BBDEE46243}"/>
          </ac:picMkLst>
        </pc:picChg>
        <pc:picChg chg="mod">
          <ac:chgData name="Bende Siewertsen" userId="12c25a5f-4834-4a03-8ef3-d68dc2de672e" providerId="ADAL" clId="{950CC1C7-5E16-3C42-9643-52B989613ADD}" dt="2023-02-07T11:13:27.410" v="3058" actId="1076"/>
          <ac:picMkLst>
            <pc:docMk/>
            <pc:sldMk cId="584463721" sldId="345"/>
            <ac:picMk id="4" creationId="{B0721A94-B67C-6304-6EA7-7D8B609E403E}"/>
          </ac:picMkLst>
        </pc:picChg>
        <pc:picChg chg="add mod">
          <ac:chgData name="Bende Siewertsen" userId="12c25a5f-4834-4a03-8ef3-d68dc2de672e" providerId="ADAL" clId="{950CC1C7-5E16-3C42-9643-52B989613ADD}" dt="2023-02-07T11:13:30.230" v="3059" actId="1076"/>
          <ac:picMkLst>
            <pc:docMk/>
            <pc:sldMk cId="584463721" sldId="345"/>
            <ac:picMk id="8" creationId="{EFE5F5D1-E16E-92C2-1307-D57BDA0A64F6}"/>
          </ac:picMkLst>
        </pc:picChg>
      </pc:sldChg>
      <pc:sldChg chg="del">
        <pc:chgData name="Bende Siewertsen" userId="12c25a5f-4834-4a03-8ef3-d68dc2de672e" providerId="ADAL" clId="{950CC1C7-5E16-3C42-9643-52B989613ADD}" dt="2023-02-07T09:48:18.233" v="48" actId="2696"/>
        <pc:sldMkLst>
          <pc:docMk/>
          <pc:sldMk cId="607615039" sldId="345"/>
        </pc:sldMkLst>
      </pc:sldChg>
      <pc:sldChg chg="modSp add mod">
        <pc:chgData name="Bende Siewertsen" userId="12c25a5f-4834-4a03-8ef3-d68dc2de672e" providerId="ADAL" clId="{950CC1C7-5E16-3C42-9643-52B989613ADD}" dt="2023-02-07T15:55:55.402" v="5216" actId="20577"/>
        <pc:sldMkLst>
          <pc:docMk/>
          <pc:sldMk cId="2066089242" sldId="346"/>
        </pc:sldMkLst>
        <pc:spChg chg="mod">
          <ac:chgData name="Bende Siewertsen" userId="12c25a5f-4834-4a03-8ef3-d68dc2de672e" providerId="ADAL" clId="{950CC1C7-5E16-3C42-9643-52B989613ADD}" dt="2023-02-07T14:38:37.967" v="4447" actId="20577"/>
          <ac:spMkLst>
            <pc:docMk/>
            <pc:sldMk cId="2066089242" sldId="346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5:55:55.402" v="5216" actId="20577"/>
          <ac:spMkLst>
            <pc:docMk/>
            <pc:sldMk cId="2066089242" sldId="346"/>
            <ac:spMk id="3" creationId="{8DD58D5C-5916-E306-32AF-BE3F1F5A2FC4}"/>
          </ac:spMkLst>
        </pc:spChg>
      </pc:sldChg>
      <pc:sldChg chg="modSp add mod">
        <pc:chgData name="Bende Siewertsen" userId="12c25a5f-4834-4a03-8ef3-d68dc2de672e" providerId="ADAL" clId="{950CC1C7-5E16-3C42-9643-52B989613ADD}" dt="2023-02-07T16:11:53.746" v="6070" actId="20577"/>
        <pc:sldMkLst>
          <pc:docMk/>
          <pc:sldMk cId="3442386485" sldId="347"/>
        </pc:sldMkLst>
        <pc:spChg chg="mod">
          <ac:chgData name="Bende Siewertsen" userId="12c25a5f-4834-4a03-8ef3-d68dc2de672e" providerId="ADAL" clId="{950CC1C7-5E16-3C42-9643-52B989613ADD}" dt="2023-02-07T14:39:08.798" v="4510" actId="20577"/>
          <ac:spMkLst>
            <pc:docMk/>
            <pc:sldMk cId="3442386485" sldId="347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6:11:53.746" v="6070" actId="20577"/>
          <ac:spMkLst>
            <pc:docMk/>
            <pc:sldMk cId="3442386485" sldId="347"/>
            <ac:spMk id="3" creationId="{8DD58D5C-5916-E306-32AF-BE3F1F5A2FC4}"/>
          </ac:spMkLst>
        </pc:spChg>
      </pc:sldChg>
      <pc:sldChg chg="add del">
        <pc:chgData name="Bende Siewertsen" userId="12c25a5f-4834-4a03-8ef3-d68dc2de672e" providerId="ADAL" clId="{950CC1C7-5E16-3C42-9643-52B989613ADD}" dt="2023-02-07T14:39:14.704" v="4511" actId="2696"/>
        <pc:sldMkLst>
          <pc:docMk/>
          <pc:sldMk cId="3283162964" sldId="348"/>
        </pc:sldMkLst>
      </pc:sldChg>
      <pc:sldChg chg="add del">
        <pc:chgData name="Bende Siewertsen" userId="12c25a5f-4834-4a03-8ef3-d68dc2de672e" providerId="ADAL" clId="{950CC1C7-5E16-3C42-9643-52B989613ADD}" dt="2023-02-07T14:39:14.737" v="4512" actId="2696"/>
        <pc:sldMkLst>
          <pc:docMk/>
          <pc:sldMk cId="3096489828" sldId="349"/>
        </pc:sldMkLst>
      </pc:sldChg>
      <pc:sldMasterChg chg="modSp mod modSldLayout">
        <pc:chgData name="Bende Siewertsen" userId="12c25a5f-4834-4a03-8ef3-d68dc2de672e" providerId="ADAL" clId="{950CC1C7-5E16-3C42-9643-52B989613ADD}" dt="2023-02-07T10:56:53.672" v="2541"/>
        <pc:sldMasterMkLst>
          <pc:docMk/>
          <pc:sldMasterMk cId="2143522105" sldId="2147483648"/>
        </pc:sldMasterMkLst>
        <pc:spChg chg="mod">
          <ac:chgData name="Bende Siewertsen" userId="12c25a5f-4834-4a03-8ef3-d68dc2de672e" providerId="ADAL" clId="{950CC1C7-5E16-3C42-9643-52B989613ADD}" dt="2023-02-07T09:46:58.503" v="16" actId="20577"/>
          <ac:spMkLst>
            <pc:docMk/>
            <pc:sldMasterMk cId="2143522105" sldId="2147483648"/>
            <ac:spMk id="7" creationId="{C0AB0BF3-B735-A655-836A-B2FC7637A819}"/>
          </ac:spMkLst>
        </pc:spChg>
        <pc:sldLayoutChg chg="modSp mod">
          <pc:chgData name="Bende Siewertsen" userId="12c25a5f-4834-4a03-8ef3-d68dc2de672e" providerId="ADAL" clId="{950CC1C7-5E16-3C42-9643-52B989613ADD}" dt="2023-02-07T10:56:53.672" v="2541"/>
          <pc:sldLayoutMkLst>
            <pc:docMk/>
            <pc:sldMasterMk cId="2143522105" sldId="2147483648"/>
            <pc:sldLayoutMk cId="2172234318" sldId="2147483654"/>
          </pc:sldLayoutMkLst>
          <pc:spChg chg="mod">
            <ac:chgData name="Bende Siewertsen" userId="12c25a5f-4834-4a03-8ef3-d68dc2de672e" providerId="ADAL" clId="{950CC1C7-5E16-3C42-9643-52B989613ADD}" dt="2023-02-07T10:56:53.672" v="2541"/>
            <ac:spMkLst>
              <pc:docMk/>
              <pc:sldMasterMk cId="2143522105" sldId="2147483648"/>
              <pc:sldLayoutMk cId="2172234318" sldId="2147483654"/>
              <ac:spMk id="2" creationId="{FCF71D81-6471-9F51-2976-20A62A0ECB1F}"/>
            </ac:spMkLst>
          </pc:spChg>
        </pc:sldLayoutChg>
        <pc:sldLayoutChg chg="modSp mod">
          <pc:chgData name="Bende Siewertsen" userId="12c25a5f-4834-4a03-8ef3-d68dc2de672e" providerId="ADAL" clId="{950CC1C7-5E16-3C42-9643-52B989613ADD}" dt="2023-02-07T10:56:51.101" v="2540"/>
          <pc:sldLayoutMkLst>
            <pc:docMk/>
            <pc:sldMasterMk cId="2143522105" sldId="2147483648"/>
            <pc:sldLayoutMk cId="23072151" sldId="2147483676"/>
          </pc:sldLayoutMkLst>
          <pc:spChg chg="mod">
            <ac:chgData name="Bende Siewertsen" userId="12c25a5f-4834-4a03-8ef3-d68dc2de672e" providerId="ADAL" clId="{950CC1C7-5E16-3C42-9643-52B989613ADD}" dt="2023-02-07T10:56:51.101" v="2540"/>
            <ac:spMkLst>
              <pc:docMk/>
              <pc:sldMasterMk cId="2143522105" sldId="2147483648"/>
              <pc:sldLayoutMk cId="23072151" sldId="2147483676"/>
              <ac:spMk id="2" creationId="{1111C98B-FDA6-29B8-576D-8ED7F1856E2E}"/>
            </ac:spMkLst>
          </pc:spChg>
        </pc:sldLayoutChg>
        <pc:sldLayoutChg chg="modSp mod">
          <pc:chgData name="Bende Siewertsen" userId="12c25a5f-4834-4a03-8ef3-d68dc2de672e" providerId="ADAL" clId="{950CC1C7-5E16-3C42-9643-52B989613ADD}" dt="2023-02-07T10:56:38.269" v="2538"/>
          <pc:sldLayoutMkLst>
            <pc:docMk/>
            <pc:sldMasterMk cId="2143522105" sldId="2147483648"/>
            <pc:sldLayoutMk cId="35409181" sldId="2147483680"/>
          </pc:sldLayoutMkLst>
          <pc:spChg chg="mod">
            <ac:chgData name="Bende Siewertsen" userId="12c25a5f-4834-4a03-8ef3-d68dc2de672e" providerId="ADAL" clId="{950CC1C7-5E16-3C42-9643-52B989613ADD}" dt="2023-02-07T10:56:38.269" v="2538"/>
            <ac:spMkLst>
              <pc:docMk/>
              <pc:sldMasterMk cId="2143522105" sldId="2147483648"/>
              <pc:sldLayoutMk cId="35409181" sldId="2147483680"/>
              <ac:spMk id="6" creationId="{D0BE920F-E96B-E707-8CAD-B12C488668D0}"/>
            </ac:spMkLst>
          </pc:spChg>
        </pc:sldLayoutChg>
        <pc:sldLayoutChg chg="addSp delSp modSp mod">
          <pc:chgData name="Bende Siewertsen" userId="12c25a5f-4834-4a03-8ef3-d68dc2de672e" providerId="ADAL" clId="{950CC1C7-5E16-3C42-9643-52B989613ADD}" dt="2023-02-07T10:56:35.792" v="2537"/>
          <pc:sldLayoutMkLst>
            <pc:docMk/>
            <pc:sldMasterMk cId="2143522105" sldId="2147483648"/>
            <pc:sldLayoutMk cId="3190335336" sldId="2147483681"/>
          </pc:sldLayoutMkLst>
          <pc:spChg chg="add del mod">
            <ac:chgData name="Bende Siewertsen" userId="12c25a5f-4834-4a03-8ef3-d68dc2de672e" providerId="ADAL" clId="{950CC1C7-5E16-3C42-9643-52B989613ADD}" dt="2023-02-07T09:47:10.752" v="18"/>
            <ac:spMkLst>
              <pc:docMk/>
              <pc:sldMasterMk cId="2143522105" sldId="2147483648"/>
              <pc:sldLayoutMk cId="3190335336" sldId="2147483681"/>
              <ac:spMk id="3" creationId="{9E83EB45-0B15-619A-9987-A8113CD454C3}"/>
            </ac:spMkLst>
          </pc:spChg>
          <pc:spChg chg="add del mod">
            <ac:chgData name="Bende Siewertsen" userId="12c25a5f-4834-4a03-8ef3-d68dc2de672e" providerId="ADAL" clId="{950CC1C7-5E16-3C42-9643-52B989613ADD}" dt="2023-02-07T10:56:35.792" v="2537"/>
            <ac:spMkLst>
              <pc:docMk/>
              <pc:sldMasterMk cId="2143522105" sldId="2147483648"/>
              <pc:sldLayoutMk cId="3190335336" sldId="2147483681"/>
              <ac:spMk id="4" creationId="{AFDECF14-CBF3-2403-CABA-7FC918D14A8D}"/>
            </ac:spMkLst>
          </pc:spChg>
        </pc:sldLayoutChg>
        <pc:sldLayoutChg chg="modSp mod">
          <pc:chgData name="Bende Siewertsen" userId="12c25a5f-4834-4a03-8ef3-d68dc2de672e" providerId="ADAL" clId="{950CC1C7-5E16-3C42-9643-52B989613ADD}" dt="2023-02-07T10:56:43.584" v="2539"/>
          <pc:sldLayoutMkLst>
            <pc:docMk/>
            <pc:sldMasterMk cId="2143522105" sldId="2147483648"/>
            <pc:sldLayoutMk cId="76544325" sldId="2147483682"/>
          </pc:sldLayoutMkLst>
          <pc:spChg chg="mod">
            <ac:chgData name="Bende Siewertsen" userId="12c25a5f-4834-4a03-8ef3-d68dc2de672e" providerId="ADAL" clId="{950CC1C7-5E16-3C42-9643-52B989613ADD}" dt="2023-02-07T10:56:43.584" v="2539"/>
            <ac:spMkLst>
              <pc:docMk/>
              <pc:sldMasterMk cId="2143522105" sldId="2147483648"/>
              <pc:sldLayoutMk cId="76544325" sldId="2147483682"/>
              <ac:spMk id="7" creationId="{4626EA74-73E5-EA96-078A-186EC0DA415D}"/>
            </ac:spMkLst>
          </pc:spChg>
        </pc:sldLayoutChg>
      </pc:sldMasterChg>
    </pc:docChg>
  </pc:docChgLst>
</pc:chgInfo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svg"/><Relationship Id="rId1" Type="http://schemas.openxmlformats.org/officeDocument/2006/relationships/image" Target="../media/image4.png"/><Relationship Id="rId4" Type="http://schemas.openxmlformats.org/officeDocument/2006/relationships/image" Target="../media/image7.svg"/></Relationships>
</file>

<file path=ppt/diagrams/_rels/data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sv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12" Type="http://schemas.openxmlformats.org/officeDocument/2006/relationships/image" Target="../media/image32.svg"/><Relationship Id="rId2" Type="http://schemas.openxmlformats.org/officeDocument/2006/relationships/image" Target="../media/image22.svg"/><Relationship Id="rId1" Type="http://schemas.openxmlformats.org/officeDocument/2006/relationships/image" Target="../media/image21.png"/><Relationship Id="rId6" Type="http://schemas.openxmlformats.org/officeDocument/2006/relationships/image" Target="../media/image26.svg"/><Relationship Id="rId11" Type="http://schemas.openxmlformats.org/officeDocument/2006/relationships/image" Target="../media/image31.png"/><Relationship Id="rId5" Type="http://schemas.openxmlformats.org/officeDocument/2006/relationships/image" Target="../media/image25.png"/><Relationship Id="rId10" Type="http://schemas.openxmlformats.org/officeDocument/2006/relationships/image" Target="../media/image30.svg"/><Relationship Id="rId4" Type="http://schemas.openxmlformats.org/officeDocument/2006/relationships/image" Target="../media/image24.svg"/><Relationship Id="rId9" Type="http://schemas.openxmlformats.org/officeDocument/2006/relationships/image" Target="../media/image29.pn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svg"/><Relationship Id="rId1" Type="http://schemas.openxmlformats.org/officeDocument/2006/relationships/image" Target="../media/image4.png"/><Relationship Id="rId4" Type="http://schemas.openxmlformats.org/officeDocument/2006/relationships/image" Target="../media/image7.svg"/></Relationships>
</file>

<file path=ppt/diagrams/_rels/drawing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sv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12" Type="http://schemas.openxmlformats.org/officeDocument/2006/relationships/image" Target="../media/image32.svg"/><Relationship Id="rId2" Type="http://schemas.openxmlformats.org/officeDocument/2006/relationships/image" Target="../media/image22.svg"/><Relationship Id="rId1" Type="http://schemas.openxmlformats.org/officeDocument/2006/relationships/image" Target="../media/image21.png"/><Relationship Id="rId6" Type="http://schemas.openxmlformats.org/officeDocument/2006/relationships/image" Target="../media/image26.svg"/><Relationship Id="rId11" Type="http://schemas.openxmlformats.org/officeDocument/2006/relationships/image" Target="../media/image31.png"/><Relationship Id="rId5" Type="http://schemas.openxmlformats.org/officeDocument/2006/relationships/image" Target="../media/image25.png"/><Relationship Id="rId10" Type="http://schemas.openxmlformats.org/officeDocument/2006/relationships/image" Target="../media/image30.svg"/><Relationship Id="rId4" Type="http://schemas.openxmlformats.org/officeDocument/2006/relationships/image" Target="../media/image24.svg"/><Relationship Id="rId9" Type="http://schemas.openxmlformats.org/officeDocument/2006/relationships/image" Target="../media/image29.pn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254D51F-1F46-48AF-9202-375FE41CCDA5}" type="doc">
      <dgm:prSet loTypeId="urn:microsoft.com/office/officeart/2018/2/layout/IconVerticalSolidList" loCatId="icon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A84163AA-E07E-4167-AB03-314EBE90803D}">
      <dgm:prSet/>
      <dgm:spPr/>
      <dgm:t>
        <a:bodyPr/>
        <a:lstStyle/>
        <a:p>
          <a:pPr>
            <a:lnSpc>
              <a:spcPct val="100000"/>
            </a:lnSpc>
          </a:pPr>
          <a:r>
            <a:rPr lang="en-DK"/>
            <a:t>A Pattern!</a:t>
          </a:r>
          <a:endParaRPr lang="en-US"/>
        </a:p>
      </dgm:t>
    </dgm:pt>
    <dgm:pt modelId="{E7E2173A-5015-4215-A79B-A099E9F0B476}" type="parTrans" cxnId="{6428D7B0-DEA6-4AD7-A2C6-F138C7DC6C81}">
      <dgm:prSet/>
      <dgm:spPr/>
      <dgm:t>
        <a:bodyPr/>
        <a:lstStyle/>
        <a:p>
          <a:endParaRPr lang="en-US"/>
        </a:p>
      </dgm:t>
    </dgm:pt>
    <dgm:pt modelId="{FFB7D6AF-E0E3-4D11-AD2C-61EF2EF5D0A2}" type="sibTrans" cxnId="{6428D7B0-DEA6-4AD7-A2C6-F138C7DC6C81}">
      <dgm:prSet/>
      <dgm:spPr/>
      <dgm:t>
        <a:bodyPr/>
        <a:lstStyle/>
        <a:p>
          <a:endParaRPr lang="en-US"/>
        </a:p>
      </dgm:t>
    </dgm:pt>
    <dgm:pt modelId="{9F584DEE-E7A0-4F64-8AB6-DF96BC929681}">
      <dgm:prSet/>
      <dgm:spPr/>
      <dgm:t>
        <a:bodyPr/>
        <a:lstStyle/>
        <a:p>
          <a:pPr>
            <a:lnSpc>
              <a:spcPct val="100000"/>
            </a:lnSpc>
          </a:pPr>
          <a:r>
            <a:rPr lang="en-DK" dirty="0"/>
            <a:t>The publish subscribe pattern implemented in Kafka (Apache Kafka)</a:t>
          </a:r>
          <a:endParaRPr lang="en-US" dirty="0"/>
        </a:p>
      </dgm:t>
    </dgm:pt>
    <dgm:pt modelId="{F50CBBED-6C94-4254-8C9F-F3BD66F39AFE}" type="parTrans" cxnId="{80F6D257-3038-4E07-A683-86BC17C9CAAB}">
      <dgm:prSet/>
      <dgm:spPr/>
      <dgm:t>
        <a:bodyPr/>
        <a:lstStyle/>
        <a:p>
          <a:endParaRPr lang="en-US"/>
        </a:p>
      </dgm:t>
    </dgm:pt>
    <dgm:pt modelId="{57585E56-150F-49C8-BFE7-44DCC201016A}" type="sibTrans" cxnId="{80F6D257-3038-4E07-A683-86BC17C9CAAB}">
      <dgm:prSet/>
      <dgm:spPr/>
      <dgm:t>
        <a:bodyPr/>
        <a:lstStyle/>
        <a:p>
          <a:endParaRPr lang="en-US"/>
        </a:p>
      </dgm:t>
    </dgm:pt>
    <dgm:pt modelId="{108EA93C-26B4-4146-83CA-06D98C9BA0FA}">
      <dgm:prSet/>
      <dgm:spPr/>
      <dgm:t>
        <a:bodyPr/>
        <a:lstStyle/>
        <a:p>
          <a:pPr>
            <a:lnSpc>
              <a:spcPct val="100000"/>
            </a:lnSpc>
          </a:pPr>
          <a:r>
            <a:rPr lang="en-DK"/>
            <a:t>What is the publish subscribe pattern?</a:t>
          </a:r>
          <a:endParaRPr lang="en-US"/>
        </a:p>
      </dgm:t>
    </dgm:pt>
    <dgm:pt modelId="{6D2759D9-3618-4A91-961F-EA8102ACE4D4}" type="parTrans" cxnId="{67AD3012-D814-43D8-9868-406DEBFBB845}">
      <dgm:prSet/>
      <dgm:spPr/>
      <dgm:t>
        <a:bodyPr/>
        <a:lstStyle/>
        <a:p>
          <a:endParaRPr lang="en-US"/>
        </a:p>
      </dgm:t>
    </dgm:pt>
    <dgm:pt modelId="{E4F44183-3C59-492D-B9EF-12CDA0717710}" type="sibTrans" cxnId="{67AD3012-D814-43D8-9868-406DEBFBB845}">
      <dgm:prSet/>
      <dgm:spPr/>
      <dgm:t>
        <a:bodyPr/>
        <a:lstStyle/>
        <a:p>
          <a:endParaRPr lang="en-US"/>
        </a:p>
      </dgm:t>
    </dgm:pt>
    <dgm:pt modelId="{ADFD5D9D-4AAE-4098-B093-C806B1AD9404}">
      <dgm:prSet/>
      <dgm:spPr/>
      <dgm:t>
        <a:bodyPr/>
        <a:lstStyle/>
        <a:p>
          <a:pPr>
            <a:lnSpc>
              <a:spcPct val="100000"/>
            </a:lnSpc>
          </a:pPr>
          <a:r>
            <a:rPr lang="en-DK" dirty="0"/>
            <a:t>What is Kafka?</a:t>
          </a:r>
          <a:endParaRPr lang="en-US" dirty="0"/>
        </a:p>
      </dgm:t>
    </dgm:pt>
    <dgm:pt modelId="{CA9D3AA0-1A3E-450C-BE79-F0C177DF8812}" type="parTrans" cxnId="{5F52EBAC-CCD8-4D72-B108-6B1C238FC57C}">
      <dgm:prSet/>
      <dgm:spPr/>
      <dgm:t>
        <a:bodyPr/>
        <a:lstStyle/>
        <a:p>
          <a:endParaRPr lang="en-US"/>
        </a:p>
      </dgm:t>
    </dgm:pt>
    <dgm:pt modelId="{693449C2-6450-4075-8E68-1C019FE34E1C}" type="sibTrans" cxnId="{5F52EBAC-CCD8-4D72-B108-6B1C238FC57C}">
      <dgm:prSet/>
      <dgm:spPr/>
      <dgm:t>
        <a:bodyPr/>
        <a:lstStyle/>
        <a:p>
          <a:endParaRPr lang="en-US"/>
        </a:p>
      </dgm:t>
    </dgm:pt>
    <dgm:pt modelId="{69F637C7-E480-4D0C-A14A-5FD966A223C6}">
      <dgm:prSet/>
      <dgm:spPr/>
      <dgm:t>
        <a:bodyPr/>
        <a:lstStyle/>
        <a:p>
          <a:pPr>
            <a:lnSpc>
              <a:spcPct val="100000"/>
            </a:lnSpc>
          </a:pPr>
          <a:r>
            <a:rPr lang="en-DK" dirty="0"/>
            <a:t>How is this related to this Course?</a:t>
          </a:r>
          <a:endParaRPr lang="en-US" dirty="0"/>
        </a:p>
      </dgm:t>
    </dgm:pt>
    <dgm:pt modelId="{7837DE3A-3C93-40A4-8BC8-95491E38C186}" type="parTrans" cxnId="{08231986-338A-46F5-84CD-B1A7F94BC835}">
      <dgm:prSet/>
      <dgm:spPr/>
      <dgm:t>
        <a:bodyPr/>
        <a:lstStyle/>
        <a:p>
          <a:endParaRPr lang="en-US"/>
        </a:p>
      </dgm:t>
    </dgm:pt>
    <dgm:pt modelId="{BA9FA9B4-A1A9-4158-9AE0-B866A5E3C96F}" type="sibTrans" cxnId="{08231986-338A-46F5-84CD-B1A7F94BC835}">
      <dgm:prSet/>
      <dgm:spPr/>
      <dgm:t>
        <a:bodyPr/>
        <a:lstStyle/>
        <a:p>
          <a:endParaRPr lang="en-US"/>
        </a:p>
      </dgm:t>
    </dgm:pt>
    <dgm:pt modelId="{A053EFC9-1F96-41A4-B951-FB695249BF72}">
      <dgm:prSet/>
      <dgm:spPr/>
      <dgm:t>
        <a:bodyPr/>
        <a:lstStyle/>
        <a:p>
          <a:pPr>
            <a:lnSpc>
              <a:spcPct val="100000"/>
            </a:lnSpc>
          </a:pPr>
          <a:r>
            <a:rPr lang="en-DK"/>
            <a:t>Exercises! Whop whop</a:t>
          </a:r>
          <a:endParaRPr lang="en-US"/>
        </a:p>
      </dgm:t>
    </dgm:pt>
    <dgm:pt modelId="{94D66ADC-BAFF-422A-A345-A9B3C9DADE6D}" type="parTrans" cxnId="{D7C15D8F-1D32-4DF0-8F60-8BD174DB19FE}">
      <dgm:prSet/>
      <dgm:spPr/>
      <dgm:t>
        <a:bodyPr/>
        <a:lstStyle/>
        <a:p>
          <a:endParaRPr lang="en-US"/>
        </a:p>
      </dgm:t>
    </dgm:pt>
    <dgm:pt modelId="{F2472FB9-6775-4F7D-AA6B-D687D1BC26B6}" type="sibTrans" cxnId="{D7C15D8F-1D32-4DF0-8F60-8BD174DB19FE}">
      <dgm:prSet/>
      <dgm:spPr/>
      <dgm:t>
        <a:bodyPr/>
        <a:lstStyle/>
        <a:p>
          <a:endParaRPr lang="en-US"/>
        </a:p>
      </dgm:t>
    </dgm:pt>
    <dgm:pt modelId="{DDDC4DC3-AEE7-44A4-BB3C-56255DB816B9}" type="pres">
      <dgm:prSet presAssocID="{9254D51F-1F46-48AF-9202-375FE41CCDA5}" presName="root" presStyleCnt="0">
        <dgm:presLayoutVars>
          <dgm:dir/>
          <dgm:resizeHandles val="exact"/>
        </dgm:presLayoutVars>
      </dgm:prSet>
      <dgm:spPr/>
    </dgm:pt>
    <dgm:pt modelId="{8A6AC90C-06E5-4FC1-9BCA-90252529250E}" type="pres">
      <dgm:prSet presAssocID="{A84163AA-E07E-4167-AB03-314EBE90803D}" presName="compNode" presStyleCnt="0"/>
      <dgm:spPr/>
    </dgm:pt>
    <dgm:pt modelId="{2D216082-FFED-4B3A-AD53-76BF64AACE94}" type="pres">
      <dgm:prSet presAssocID="{A84163AA-E07E-4167-AB03-314EBE90803D}" presName="bgRect" presStyleLbl="bgShp" presStyleIdx="0" presStyleCnt="2"/>
      <dgm:spPr/>
    </dgm:pt>
    <dgm:pt modelId="{50FEC9DE-EB3A-4224-A487-5ABC85E04EF3}" type="pres">
      <dgm:prSet presAssocID="{A84163AA-E07E-4167-AB03-314EBE90803D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Table"/>
        </a:ext>
      </dgm:extLst>
    </dgm:pt>
    <dgm:pt modelId="{28219655-2FDA-4CD8-B2C8-3B3B02D08F07}" type="pres">
      <dgm:prSet presAssocID="{A84163AA-E07E-4167-AB03-314EBE90803D}" presName="spaceRect" presStyleCnt="0"/>
      <dgm:spPr/>
    </dgm:pt>
    <dgm:pt modelId="{4C5E20FD-6B43-4D2C-95C3-9A871A70DA5B}" type="pres">
      <dgm:prSet presAssocID="{A84163AA-E07E-4167-AB03-314EBE90803D}" presName="parTx" presStyleLbl="revTx" presStyleIdx="0" presStyleCnt="3">
        <dgm:presLayoutVars>
          <dgm:chMax val="0"/>
          <dgm:chPref val="0"/>
        </dgm:presLayoutVars>
      </dgm:prSet>
      <dgm:spPr/>
    </dgm:pt>
    <dgm:pt modelId="{6A0F7A0A-3CFA-49D4-BF8B-A072909826C8}" type="pres">
      <dgm:prSet presAssocID="{FFB7D6AF-E0E3-4D11-AD2C-61EF2EF5D0A2}" presName="sibTrans" presStyleCnt="0"/>
      <dgm:spPr/>
    </dgm:pt>
    <dgm:pt modelId="{52748B1D-2C91-4378-96CF-308AE11CE1C2}" type="pres">
      <dgm:prSet presAssocID="{9F584DEE-E7A0-4F64-8AB6-DF96BC929681}" presName="compNode" presStyleCnt="0"/>
      <dgm:spPr/>
    </dgm:pt>
    <dgm:pt modelId="{F3CB8E9D-EDDE-4655-B645-A53FA9E3E41A}" type="pres">
      <dgm:prSet presAssocID="{9F584DEE-E7A0-4F64-8AB6-DF96BC929681}" presName="bgRect" presStyleLbl="bgShp" presStyleIdx="1" presStyleCnt="2"/>
      <dgm:spPr/>
    </dgm:pt>
    <dgm:pt modelId="{39A2F289-CA4C-42CC-B9A4-934347E25EF2}" type="pres">
      <dgm:prSet presAssocID="{9F584DEE-E7A0-4F64-8AB6-DF96BC929681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atabase"/>
        </a:ext>
      </dgm:extLst>
    </dgm:pt>
    <dgm:pt modelId="{40407FAB-DD5E-4826-A01C-26729C031541}" type="pres">
      <dgm:prSet presAssocID="{9F584DEE-E7A0-4F64-8AB6-DF96BC929681}" presName="spaceRect" presStyleCnt="0"/>
      <dgm:spPr/>
    </dgm:pt>
    <dgm:pt modelId="{F5FC9FA6-D417-44D1-8B39-EDB828F3998B}" type="pres">
      <dgm:prSet presAssocID="{9F584DEE-E7A0-4F64-8AB6-DF96BC929681}" presName="parTx" presStyleLbl="revTx" presStyleIdx="1" presStyleCnt="3">
        <dgm:presLayoutVars>
          <dgm:chMax val="0"/>
          <dgm:chPref val="0"/>
        </dgm:presLayoutVars>
      </dgm:prSet>
      <dgm:spPr/>
    </dgm:pt>
    <dgm:pt modelId="{D6272175-F293-45B9-93AE-1F79D876BA68}" type="pres">
      <dgm:prSet presAssocID="{9F584DEE-E7A0-4F64-8AB6-DF96BC929681}" presName="desTx" presStyleLbl="revTx" presStyleIdx="2" presStyleCnt="3">
        <dgm:presLayoutVars/>
      </dgm:prSet>
      <dgm:spPr/>
    </dgm:pt>
  </dgm:ptLst>
  <dgm:cxnLst>
    <dgm:cxn modelId="{67AD3012-D814-43D8-9868-406DEBFBB845}" srcId="{9F584DEE-E7A0-4F64-8AB6-DF96BC929681}" destId="{108EA93C-26B4-4146-83CA-06D98C9BA0FA}" srcOrd="0" destOrd="0" parTransId="{6D2759D9-3618-4A91-961F-EA8102ACE4D4}" sibTransId="{E4F44183-3C59-492D-B9EF-12CDA0717710}"/>
    <dgm:cxn modelId="{F3AB0E15-DE18-E84F-AB83-7825645F0346}" type="presOf" srcId="{108EA93C-26B4-4146-83CA-06D98C9BA0FA}" destId="{D6272175-F293-45B9-93AE-1F79D876BA68}" srcOrd="0" destOrd="0" presId="urn:microsoft.com/office/officeart/2018/2/layout/IconVerticalSolidList"/>
    <dgm:cxn modelId="{17F6D819-5A81-AC44-8D75-139F8371AFF7}" type="presOf" srcId="{ADFD5D9D-4AAE-4098-B093-C806B1AD9404}" destId="{D6272175-F293-45B9-93AE-1F79D876BA68}" srcOrd="0" destOrd="1" presId="urn:microsoft.com/office/officeart/2018/2/layout/IconVerticalSolidList"/>
    <dgm:cxn modelId="{32F4683A-5598-7B47-AB20-3D513688663C}" type="presOf" srcId="{9254D51F-1F46-48AF-9202-375FE41CCDA5}" destId="{DDDC4DC3-AEE7-44A4-BB3C-56255DB816B9}" srcOrd="0" destOrd="0" presId="urn:microsoft.com/office/officeart/2018/2/layout/IconVerticalSolidList"/>
    <dgm:cxn modelId="{80F6D257-3038-4E07-A683-86BC17C9CAAB}" srcId="{9254D51F-1F46-48AF-9202-375FE41CCDA5}" destId="{9F584DEE-E7A0-4F64-8AB6-DF96BC929681}" srcOrd="1" destOrd="0" parTransId="{F50CBBED-6C94-4254-8C9F-F3BD66F39AFE}" sibTransId="{57585E56-150F-49C8-BFE7-44DCC201016A}"/>
    <dgm:cxn modelId="{E179A382-A52B-AF4B-A885-18D858C03949}" type="presOf" srcId="{A053EFC9-1F96-41A4-B951-FB695249BF72}" destId="{D6272175-F293-45B9-93AE-1F79D876BA68}" srcOrd="0" destOrd="3" presId="urn:microsoft.com/office/officeart/2018/2/layout/IconVerticalSolidList"/>
    <dgm:cxn modelId="{08231986-338A-46F5-84CD-B1A7F94BC835}" srcId="{9F584DEE-E7A0-4F64-8AB6-DF96BC929681}" destId="{69F637C7-E480-4D0C-A14A-5FD966A223C6}" srcOrd="2" destOrd="0" parTransId="{7837DE3A-3C93-40A4-8BC8-95491E38C186}" sibTransId="{BA9FA9B4-A1A9-4158-9AE0-B866A5E3C96F}"/>
    <dgm:cxn modelId="{D7C15D8F-1D32-4DF0-8F60-8BD174DB19FE}" srcId="{9F584DEE-E7A0-4F64-8AB6-DF96BC929681}" destId="{A053EFC9-1F96-41A4-B951-FB695249BF72}" srcOrd="3" destOrd="0" parTransId="{94D66ADC-BAFF-422A-A345-A9B3C9DADE6D}" sibTransId="{F2472FB9-6775-4F7D-AA6B-D687D1BC26B6}"/>
    <dgm:cxn modelId="{5FCEF1AA-8A43-0540-8FF7-F90E8464ECDC}" type="presOf" srcId="{9F584DEE-E7A0-4F64-8AB6-DF96BC929681}" destId="{F5FC9FA6-D417-44D1-8B39-EDB828F3998B}" srcOrd="0" destOrd="0" presId="urn:microsoft.com/office/officeart/2018/2/layout/IconVerticalSolidList"/>
    <dgm:cxn modelId="{5F52EBAC-CCD8-4D72-B108-6B1C238FC57C}" srcId="{9F584DEE-E7A0-4F64-8AB6-DF96BC929681}" destId="{ADFD5D9D-4AAE-4098-B093-C806B1AD9404}" srcOrd="1" destOrd="0" parTransId="{CA9D3AA0-1A3E-450C-BE79-F0C177DF8812}" sibTransId="{693449C2-6450-4075-8E68-1C019FE34E1C}"/>
    <dgm:cxn modelId="{6428D7B0-DEA6-4AD7-A2C6-F138C7DC6C81}" srcId="{9254D51F-1F46-48AF-9202-375FE41CCDA5}" destId="{A84163AA-E07E-4167-AB03-314EBE90803D}" srcOrd="0" destOrd="0" parTransId="{E7E2173A-5015-4215-A79B-A099E9F0B476}" sibTransId="{FFB7D6AF-E0E3-4D11-AD2C-61EF2EF5D0A2}"/>
    <dgm:cxn modelId="{B01E59B8-A63A-CC4C-987F-A7CE9AC57FB9}" type="presOf" srcId="{69F637C7-E480-4D0C-A14A-5FD966A223C6}" destId="{D6272175-F293-45B9-93AE-1F79D876BA68}" srcOrd="0" destOrd="2" presId="urn:microsoft.com/office/officeart/2018/2/layout/IconVerticalSolidList"/>
    <dgm:cxn modelId="{D16D48FE-EB9A-D54B-9C87-324AC532B36B}" type="presOf" srcId="{A84163AA-E07E-4167-AB03-314EBE90803D}" destId="{4C5E20FD-6B43-4D2C-95C3-9A871A70DA5B}" srcOrd="0" destOrd="0" presId="urn:microsoft.com/office/officeart/2018/2/layout/IconVerticalSolidList"/>
    <dgm:cxn modelId="{C0CE3B93-B789-1747-A4A5-69E3CB9BCFDD}" type="presParOf" srcId="{DDDC4DC3-AEE7-44A4-BB3C-56255DB816B9}" destId="{8A6AC90C-06E5-4FC1-9BCA-90252529250E}" srcOrd="0" destOrd="0" presId="urn:microsoft.com/office/officeart/2018/2/layout/IconVerticalSolidList"/>
    <dgm:cxn modelId="{7366FA23-D99E-9946-BA5F-48C9661C69CB}" type="presParOf" srcId="{8A6AC90C-06E5-4FC1-9BCA-90252529250E}" destId="{2D216082-FFED-4B3A-AD53-76BF64AACE94}" srcOrd="0" destOrd="0" presId="urn:microsoft.com/office/officeart/2018/2/layout/IconVerticalSolidList"/>
    <dgm:cxn modelId="{8124D702-6014-4940-88B3-0C323D064B59}" type="presParOf" srcId="{8A6AC90C-06E5-4FC1-9BCA-90252529250E}" destId="{50FEC9DE-EB3A-4224-A487-5ABC85E04EF3}" srcOrd="1" destOrd="0" presId="urn:microsoft.com/office/officeart/2018/2/layout/IconVerticalSolidList"/>
    <dgm:cxn modelId="{A6141594-F377-4B44-934C-AE45DBB7E5BC}" type="presParOf" srcId="{8A6AC90C-06E5-4FC1-9BCA-90252529250E}" destId="{28219655-2FDA-4CD8-B2C8-3B3B02D08F07}" srcOrd="2" destOrd="0" presId="urn:microsoft.com/office/officeart/2018/2/layout/IconVerticalSolidList"/>
    <dgm:cxn modelId="{CA570611-F428-2C4E-9CE3-29C1C34000C6}" type="presParOf" srcId="{8A6AC90C-06E5-4FC1-9BCA-90252529250E}" destId="{4C5E20FD-6B43-4D2C-95C3-9A871A70DA5B}" srcOrd="3" destOrd="0" presId="urn:microsoft.com/office/officeart/2018/2/layout/IconVerticalSolidList"/>
    <dgm:cxn modelId="{A8F95627-4CC4-AA4F-A34E-5ABF3477B073}" type="presParOf" srcId="{DDDC4DC3-AEE7-44A4-BB3C-56255DB816B9}" destId="{6A0F7A0A-3CFA-49D4-BF8B-A072909826C8}" srcOrd="1" destOrd="0" presId="urn:microsoft.com/office/officeart/2018/2/layout/IconVerticalSolidList"/>
    <dgm:cxn modelId="{B05D7C6E-310D-6349-A372-38C40F489D9D}" type="presParOf" srcId="{DDDC4DC3-AEE7-44A4-BB3C-56255DB816B9}" destId="{52748B1D-2C91-4378-96CF-308AE11CE1C2}" srcOrd="2" destOrd="0" presId="urn:microsoft.com/office/officeart/2018/2/layout/IconVerticalSolidList"/>
    <dgm:cxn modelId="{52B2DB62-1E06-2141-A28A-4E38D2ABC807}" type="presParOf" srcId="{52748B1D-2C91-4378-96CF-308AE11CE1C2}" destId="{F3CB8E9D-EDDE-4655-B645-A53FA9E3E41A}" srcOrd="0" destOrd="0" presId="urn:microsoft.com/office/officeart/2018/2/layout/IconVerticalSolidList"/>
    <dgm:cxn modelId="{BEE1B832-43CF-B147-B7AD-7EFC5ECB6BD5}" type="presParOf" srcId="{52748B1D-2C91-4378-96CF-308AE11CE1C2}" destId="{39A2F289-CA4C-42CC-B9A4-934347E25EF2}" srcOrd="1" destOrd="0" presId="urn:microsoft.com/office/officeart/2018/2/layout/IconVerticalSolidList"/>
    <dgm:cxn modelId="{5FD29583-E13C-2B48-9504-8DE63AF37DD4}" type="presParOf" srcId="{52748B1D-2C91-4378-96CF-308AE11CE1C2}" destId="{40407FAB-DD5E-4826-A01C-26729C031541}" srcOrd="2" destOrd="0" presId="urn:microsoft.com/office/officeart/2018/2/layout/IconVerticalSolidList"/>
    <dgm:cxn modelId="{1BD167A8-EA7B-5A4C-BA0E-AFA47F700738}" type="presParOf" srcId="{52748B1D-2C91-4378-96CF-308AE11CE1C2}" destId="{F5FC9FA6-D417-44D1-8B39-EDB828F3998B}" srcOrd="3" destOrd="0" presId="urn:microsoft.com/office/officeart/2018/2/layout/IconVerticalSolidList"/>
    <dgm:cxn modelId="{12AD8ED9-E9BE-BB4D-9F54-0055A65051B0}" type="presParOf" srcId="{52748B1D-2C91-4378-96CF-308AE11CE1C2}" destId="{D6272175-F293-45B9-93AE-1F79D876BA68}" srcOrd="4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92BB23FF-4857-4596-8EA2-3DBA27B2A4D0}" type="doc">
      <dgm:prSet loTypeId="urn:microsoft.com/office/officeart/2005/8/layout/list1" loCatId="list" qsTypeId="urn:microsoft.com/office/officeart/2005/8/quickstyle/simple1" qsCatId="simple" csTypeId="urn:microsoft.com/office/officeart/2005/8/colors/accent2_2" csCatId="accent2"/>
      <dgm:spPr/>
      <dgm:t>
        <a:bodyPr/>
        <a:lstStyle/>
        <a:p>
          <a:endParaRPr lang="en-US"/>
        </a:p>
      </dgm:t>
    </dgm:pt>
    <dgm:pt modelId="{E4279E50-AD6C-48B9-8D20-75673B101249}">
      <dgm:prSet/>
      <dgm:spPr/>
      <dgm:t>
        <a:bodyPr/>
        <a:lstStyle/>
        <a:p>
          <a:r>
            <a:rPr lang="en-DK"/>
            <a:t>Download the zip folder provided on ItsLearning</a:t>
          </a:r>
          <a:endParaRPr lang="en-US"/>
        </a:p>
      </dgm:t>
    </dgm:pt>
    <dgm:pt modelId="{E44E9573-2F44-4347-A386-4AC77B7BF416}" type="parTrans" cxnId="{115C12B0-E854-4929-8E89-1787DB0B4953}">
      <dgm:prSet/>
      <dgm:spPr/>
      <dgm:t>
        <a:bodyPr/>
        <a:lstStyle/>
        <a:p>
          <a:endParaRPr lang="en-US"/>
        </a:p>
      </dgm:t>
    </dgm:pt>
    <dgm:pt modelId="{AE509509-A3C0-4232-82DC-370624F155CC}" type="sibTrans" cxnId="{115C12B0-E854-4929-8E89-1787DB0B4953}">
      <dgm:prSet/>
      <dgm:spPr/>
      <dgm:t>
        <a:bodyPr/>
        <a:lstStyle/>
        <a:p>
          <a:endParaRPr lang="en-US"/>
        </a:p>
      </dgm:t>
    </dgm:pt>
    <dgm:pt modelId="{688D66FB-1CF9-4410-B30F-FB4DA26975B1}">
      <dgm:prSet/>
      <dgm:spPr/>
      <dgm:t>
        <a:bodyPr/>
        <a:lstStyle/>
        <a:p>
          <a:r>
            <a:rPr lang="en-DK"/>
            <a:t>Examine the contents! It contains:</a:t>
          </a:r>
          <a:endParaRPr lang="en-US"/>
        </a:p>
      </dgm:t>
    </dgm:pt>
    <dgm:pt modelId="{B0ED8F27-BA73-420C-9191-DA2EB944398E}" type="parTrans" cxnId="{2C2F6B53-9605-485C-AA59-B5B55F7CB6BD}">
      <dgm:prSet/>
      <dgm:spPr/>
      <dgm:t>
        <a:bodyPr/>
        <a:lstStyle/>
        <a:p>
          <a:endParaRPr lang="en-US"/>
        </a:p>
      </dgm:t>
    </dgm:pt>
    <dgm:pt modelId="{8CECD4E5-259B-44F8-8760-F4573730A51E}" type="sibTrans" cxnId="{2C2F6B53-9605-485C-AA59-B5B55F7CB6BD}">
      <dgm:prSet/>
      <dgm:spPr/>
      <dgm:t>
        <a:bodyPr/>
        <a:lstStyle/>
        <a:p>
          <a:endParaRPr lang="en-US"/>
        </a:p>
      </dgm:t>
    </dgm:pt>
    <dgm:pt modelId="{A858A7A7-C4EE-4DF3-B563-BEBBDDCFEC8B}">
      <dgm:prSet/>
      <dgm:spPr/>
      <dgm:t>
        <a:bodyPr/>
        <a:lstStyle/>
        <a:p>
          <a:r>
            <a:rPr lang="en-DK"/>
            <a:t>A </a:t>
          </a:r>
          <a:r>
            <a:rPr lang="en-DK" b="1"/>
            <a:t>readme.md </a:t>
          </a:r>
          <a:r>
            <a:rPr lang="en-DK"/>
            <a:t>file, shortly describing the exercises and relevant commands</a:t>
          </a:r>
          <a:endParaRPr lang="en-US"/>
        </a:p>
      </dgm:t>
    </dgm:pt>
    <dgm:pt modelId="{952D1E67-071B-4577-9F07-00D0447CD80F}" type="parTrans" cxnId="{1197F70E-375F-475F-827E-7E1D7A11525E}">
      <dgm:prSet/>
      <dgm:spPr/>
      <dgm:t>
        <a:bodyPr/>
        <a:lstStyle/>
        <a:p>
          <a:endParaRPr lang="en-US"/>
        </a:p>
      </dgm:t>
    </dgm:pt>
    <dgm:pt modelId="{37D56051-61B7-4979-B7DD-3433A5F45EA4}" type="sibTrans" cxnId="{1197F70E-375F-475F-827E-7E1D7A11525E}">
      <dgm:prSet/>
      <dgm:spPr/>
      <dgm:t>
        <a:bodyPr/>
        <a:lstStyle/>
        <a:p>
          <a:endParaRPr lang="en-US"/>
        </a:p>
      </dgm:t>
    </dgm:pt>
    <dgm:pt modelId="{C58F4DF7-0614-4EA8-80C8-AD52D155E30E}">
      <dgm:prSet/>
      <dgm:spPr/>
      <dgm:t>
        <a:bodyPr/>
        <a:lstStyle/>
        <a:p>
          <a:r>
            <a:rPr lang="en-DK"/>
            <a:t>A </a:t>
          </a:r>
          <a:r>
            <a:rPr lang="en-DK" b="1"/>
            <a:t>docker-compose.yml</a:t>
          </a:r>
          <a:r>
            <a:rPr lang="en-DK"/>
            <a:t> file which will start three Kafka brokers and a kafka ui tool (Kowl)</a:t>
          </a:r>
          <a:endParaRPr lang="en-US"/>
        </a:p>
      </dgm:t>
    </dgm:pt>
    <dgm:pt modelId="{C474C2B7-A45C-4FDB-99E7-5F520F53F67B}" type="parTrans" cxnId="{3AE4D367-1C15-4B8D-990D-B7426C4C086C}">
      <dgm:prSet/>
      <dgm:spPr/>
      <dgm:t>
        <a:bodyPr/>
        <a:lstStyle/>
        <a:p>
          <a:endParaRPr lang="en-US"/>
        </a:p>
      </dgm:t>
    </dgm:pt>
    <dgm:pt modelId="{1A7DF535-0508-4FFD-A166-82196FCA06BA}" type="sibTrans" cxnId="{3AE4D367-1C15-4B8D-990D-B7426C4C086C}">
      <dgm:prSet/>
      <dgm:spPr/>
      <dgm:t>
        <a:bodyPr/>
        <a:lstStyle/>
        <a:p>
          <a:endParaRPr lang="en-US"/>
        </a:p>
      </dgm:t>
    </dgm:pt>
    <dgm:pt modelId="{20BDB52C-DA79-43AE-82AA-29ABED98B9F6}">
      <dgm:prSet/>
      <dgm:spPr/>
      <dgm:t>
        <a:bodyPr/>
        <a:lstStyle/>
        <a:p>
          <a:r>
            <a:rPr lang="en-GB"/>
            <a:t>A</a:t>
          </a:r>
          <a:r>
            <a:rPr lang="en-DK"/>
            <a:t> </a:t>
          </a:r>
          <a:r>
            <a:rPr lang="en-DK" b="1"/>
            <a:t>.env </a:t>
          </a:r>
          <a:r>
            <a:rPr lang="en-DK"/>
            <a:t>file, where you can insert your ip address (</a:t>
          </a:r>
          <a:r>
            <a:rPr lang="en-DK" b="1"/>
            <a:t>only required if you want to use an external kafka client </a:t>
          </a:r>
          <a:r>
            <a:rPr lang="en-DK"/>
            <a:t>- not used in this exercise, but if you need it in future tasks)</a:t>
          </a:r>
          <a:endParaRPr lang="en-US"/>
        </a:p>
      </dgm:t>
    </dgm:pt>
    <dgm:pt modelId="{61546706-B6F0-47AE-B704-652D377D97D8}" type="parTrans" cxnId="{443711D8-AB29-4BA8-B030-F72401B1FC8F}">
      <dgm:prSet/>
      <dgm:spPr/>
      <dgm:t>
        <a:bodyPr/>
        <a:lstStyle/>
        <a:p>
          <a:endParaRPr lang="en-US"/>
        </a:p>
      </dgm:t>
    </dgm:pt>
    <dgm:pt modelId="{FD9B45DB-8024-4BC4-869C-4661809EE59F}" type="sibTrans" cxnId="{443711D8-AB29-4BA8-B030-F72401B1FC8F}">
      <dgm:prSet/>
      <dgm:spPr/>
      <dgm:t>
        <a:bodyPr/>
        <a:lstStyle/>
        <a:p>
          <a:endParaRPr lang="en-US"/>
        </a:p>
      </dgm:t>
    </dgm:pt>
    <dgm:pt modelId="{BF685061-4799-4298-86DA-C02ADFD163E6}">
      <dgm:prSet/>
      <dgm:spPr/>
      <dgm:t>
        <a:bodyPr/>
        <a:lstStyle/>
        <a:p>
          <a:r>
            <a:rPr lang="en-DK"/>
            <a:t>Four folders, each containing the relevant code to interact with the kafka brokers.</a:t>
          </a:r>
          <a:endParaRPr lang="en-US"/>
        </a:p>
      </dgm:t>
    </dgm:pt>
    <dgm:pt modelId="{22B09179-5995-4B84-83BC-7EA82E498F90}" type="parTrans" cxnId="{CAC7AC0E-77DC-436D-BAF6-0DFFE52D1F00}">
      <dgm:prSet/>
      <dgm:spPr/>
      <dgm:t>
        <a:bodyPr/>
        <a:lstStyle/>
        <a:p>
          <a:endParaRPr lang="en-US"/>
        </a:p>
      </dgm:t>
    </dgm:pt>
    <dgm:pt modelId="{B13E328C-10A3-47DD-A36D-69F8401F1D4F}" type="sibTrans" cxnId="{CAC7AC0E-77DC-436D-BAF6-0DFFE52D1F00}">
      <dgm:prSet/>
      <dgm:spPr/>
      <dgm:t>
        <a:bodyPr/>
        <a:lstStyle/>
        <a:p>
          <a:endParaRPr lang="en-US"/>
        </a:p>
      </dgm:t>
    </dgm:pt>
    <dgm:pt modelId="{347268DD-3AE6-4FD7-9D22-072617C5EBDD}">
      <dgm:prSet/>
      <dgm:spPr/>
      <dgm:t>
        <a:bodyPr/>
        <a:lstStyle/>
        <a:p>
          <a:r>
            <a:rPr lang="en-DK"/>
            <a:t>Two folders are for </a:t>
          </a:r>
          <a:r>
            <a:rPr lang="en-DK" b="1"/>
            <a:t>dotnet</a:t>
          </a:r>
          <a:r>
            <a:rPr lang="en-DK"/>
            <a:t>, each either a consumer or a producer, including dockerfiles to dockerize the client</a:t>
          </a:r>
          <a:endParaRPr lang="en-US"/>
        </a:p>
      </dgm:t>
    </dgm:pt>
    <dgm:pt modelId="{736FFB3D-B183-4857-968D-DED8891D22E5}" type="parTrans" cxnId="{9A9B90B0-35D6-43A8-AA8E-142BE541398D}">
      <dgm:prSet/>
      <dgm:spPr/>
      <dgm:t>
        <a:bodyPr/>
        <a:lstStyle/>
        <a:p>
          <a:endParaRPr lang="en-US"/>
        </a:p>
      </dgm:t>
    </dgm:pt>
    <dgm:pt modelId="{14396174-FBFC-4222-A5C3-BC46D784AD71}" type="sibTrans" cxnId="{9A9B90B0-35D6-43A8-AA8E-142BE541398D}">
      <dgm:prSet/>
      <dgm:spPr/>
      <dgm:t>
        <a:bodyPr/>
        <a:lstStyle/>
        <a:p>
          <a:endParaRPr lang="en-US"/>
        </a:p>
      </dgm:t>
    </dgm:pt>
    <dgm:pt modelId="{92FE536B-F4D7-47AF-89D0-3CBB97AC6A50}">
      <dgm:prSet/>
      <dgm:spPr/>
      <dgm:t>
        <a:bodyPr/>
        <a:lstStyle/>
        <a:p>
          <a:r>
            <a:rPr lang="en-DK"/>
            <a:t>Two folders are for </a:t>
          </a:r>
          <a:r>
            <a:rPr lang="en-DK" b="1"/>
            <a:t>python</a:t>
          </a:r>
          <a:r>
            <a:rPr lang="en-DK"/>
            <a:t>, each either a consumer or a producer, including dockerfiles to dockerize the client</a:t>
          </a:r>
          <a:endParaRPr lang="en-US"/>
        </a:p>
      </dgm:t>
    </dgm:pt>
    <dgm:pt modelId="{B5B8276E-1444-488F-A979-1878D387417E}" type="parTrans" cxnId="{565014C3-B5FE-4BA3-9E04-0459E0D2E5D0}">
      <dgm:prSet/>
      <dgm:spPr/>
      <dgm:t>
        <a:bodyPr/>
        <a:lstStyle/>
        <a:p>
          <a:endParaRPr lang="en-US"/>
        </a:p>
      </dgm:t>
    </dgm:pt>
    <dgm:pt modelId="{DF55A23D-54E9-4749-8B1B-6A94A6A582C7}" type="sibTrans" cxnId="{565014C3-B5FE-4BA3-9E04-0459E0D2E5D0}">
      <dgm:prSet/>
      <dgm:spPr/>
      <dgm:t>
        <a:bodyPr/>
        <a:lstStyle/>
        <a:p>
          <a:endParaRPr lang="en-US"/>
        </a:p>
      </dgm:t>
    </dgm:pt>
    <dgm:pt modelId="{DA5BA435-2AAD-9D49-AABA-3FF89188E61C}" type="pres">
      <dgm:prSet presAssocID="{92BB23FF-4857-4596-8EA2-3DBA27B2A4D0}" presName="linear" presStyleCnt="0">
        <dgm:presLayoutVars>
          <dgm:dir/>
          <dgm:animLvl val="lvl"/>
          <dgm:resizeHandles val="exact"/>
        </dgm:presLayoutVars>
      </dgm:prSet>
      <dgm:spPr/>
    </dgm:pt>
    <dgm:pt modelId="{362435A6-8EE7-FF4C-A976-B5BEF74BA5FB}" type="pres">
      <dgm:prSet presAssocID="{E4279E50-AD6C-48B9-8D20-75673B101249}" presName="parentLin" presStyleCnt="0"/>
      <dgm:spPr/>
    </dgm:pt>
    <dgm:pt modelId="{F7C976B8-FE59-F747-8E75-739C404C5DF3}" type="pres">
      <dgm:prSet presAssocID="{E4279E50-AD6C-48B9-8D20-75673B101249}" presName="parentLeftMargin" presStyleLbl="node1" presStyleIdx="0" presStyleCnt="2"/>
      <dgm:spPr/>
    </dgm:pt>
    <dgm:pt modelId="{1AC559F0-45A2-874D-914B-D3C657C14E1C}" type="pres">
      <dgm:prSet presAssocID="{E4279E50-AD6C-48B9-8D20-75673B101249}" presName="parentText" presStyleLbl="node1" presStyleIdx="0" presStyleCnt="2">
        <dgm:presLayoutVars>
          <dgm:chMax val="0"/>
          <dgm:bulletEnabled val="1"/>
        </dgm:presLayoutVars>
      </dgm:prSet>
      <dgm:spPr/>
    </dgm:pt>
    <dgm:pt modelId="{339CDD8B-E09F-5542-99C9-043D6F624BA4}" type="pres">
      <dgm:prSet presAssocID="{E4279E50-AD6C-48B9-8D20-75673B101249}" presName="negativeSpace" presStyleCnt="0"/>
      <dgm:spPr/>
    </dgm:pt>
    <dgm:pt modelId="{45730D5B-0137-E24B-A2DA-160BC7AF8B79}" type="pres">
      <dgm:prSet presAssocID="{E4279E50-AD6C-48B9-8D20-75673B101249}" presName="childText" presStyleLbl="conFgAcc1" presStyleIdx="0" presStyleCnt="2">
        <dgm:presLayoutVars>
          <dgm:bulletEnabled val="1"/>
        </dgm:presLayoutVars>
      </dgm:prSet>
      <dgm:spPr/>
    </dgm:pt>
    <dgm:pt modelId="{5BD6ACE1-0468-E443-A59D-87F2EE509605}" type="pres">
      <dgm:prSet presAssocID="{AE509509-A3C0-4232-82DC-370624F155CC}" presName="spaceBetweenRectangles" presStyleCnt="0"/>
      <dgm:spPr/>
    </dgm:pt>
    <dgm:pt modelId="{6E4D86D0-6288-4647-A2C2-E994B4974B8C}" type="pres">
      <dgm:prSet presAssocID="{688D66FB-1CF9-4410-B30F-FB4DA26975B1}" presName="parentLin" presStyleCnt="0"/>
      <dgm:spPr/>
    </dgm:pt>
    <dgm:pt modelId="{A89E894F-27B8-5648-9E4E-A79DA16459A8}" type="pres">
      <dgm:prSet presAssocID="{688D66FB-1CF9-4410-B30F-FB4DA26975B1}" presName="parentLeftMargin" presStyleLbl="node1" presStyleIdx="0" presStyleCnt="2"/>
      <dgm:spPr/>
    </dgm:pt>
    <dgm:pt modelId="{93CEAFB5-A0A6-E343-A4F5-39E2864ACC9A}" type="pres">
      <dgm:prSet presAssocID="{688D66FB-1CF9-4410-B30F-FB4DA26975B1}" presName="parentText" presStyleLbl="node1" presStyleIdx="1" presStyleCnt="2">
        <dgm:presLayoutVars>
          <dgm:chMax val="0"/>
          <dgm:bulletEnabled val="1"/>
        </dgm:presLayoutVars>
      </dgm:prSet>
      <dgm:spPr/>
    </dgm:pt>
    <dgm:pt modelId="{E64E21C1-D3EA-4741-BC2B-47E5672057FA}" type="pres">
      <dgm:prSet presAssocID="{688D66FB-1CF9-4410-B30F-FB4DA26975B1}" presName="negativeSpace" presStyleCnt="0"/>
      <dgm:spPr/>
    </dgm:pt>
    <dgm:pt modelId="{E57AFE8F-383F-784A-AB59-481632DE2357}" type="pres">
      <dgm:prSet presAssocID="{688D66FB-1CF9-4410-B30F-FB4DA26975B1}" presName="childText" presStyleLbl="conFgAcc1" presStyleIdx="1" presStyleCnt="2">
        <dgm:presLayoutVars>
          <dgm:bulletEnabled val="1"/>
        </dgm:presLayoutVars>
      </dgm:prSet>
      <dgm:spPr/>
    </dgm:pt>
  </dgm:ptLst>
  <dgm:cxnLst>
    <dgm:cxn modelId="{CAC7AC0E-77DC-436D-BAF6-0DFFE52D1F00}" srcId="{688D66FB-1CF9-4410-B30F-FB4DA26975B1}" destId="{BF685061-4799-4298-86DA-C02ADFD163E6}" srcOrd="3" destOrd="0" parTransId="{22B09179-5995-4B84-83BC-7EA82E498F90}" sibTransId="{B13E328C-10A3-47DD-A36D-69F8401F1D4F}"/>
    <dgm:cxn modelId="{1197F70E-375F-475F-827E-7E1D7A11525E}" srcId="{688D66FB-1CF9-4410-B30F-FB4DA26975B1}" destId="{A858A7A7-C4EE-4DF3-B563-BEBBDDCFEC8B}" srcOrd="0" destOrd="0" parTransId="{952D1E67-071B-4577-9F07-00D0447CD80F}" sibTransId="{37D56051-61B7-4979-B7DD-3433A5F45EA4}"/>
    <dgm:cxn modelId="{AAEFCA2A-BC2F-B740-BC53-D5A4DE2E4C4D}" type="presOf" srcId="{92BB23FF-4857-4596-8EA2-3DBA27B2A4D0}" destId="{DA5BA435-2AAD-9D49-AABA-3FF89188E61C}" srcOrd="0" destOrd="0" presId="urn:microsoft.com/office/officeart/2005/8/layout/list1"/>
    <dgm:cxn modelId="{42573A2C-BBA8-864B-B009-A8AED8643CC0}" type="presOf" srcId="{BF685061-4799-4298-86DA-C02ADFD163E6}" destId="{E57AFE8F-383F-784A-AB59-481632DE2357}" srcOrd="0" destOrd="3" presId="urn:microsoft.com/office/officeart/2005/8/layout/list1"/>
    <dgm:cxn modelId="{716BD639-386D-7D4A-B929-1278BBB8CC85}" type="presOf" srcId="{C58F4DF7-0614-4EA8-80C8-AD52D155E30E}" destId="{E57AFE8F-383F-784A-AB59-481632DE2357}" srcOrd="0" destOrd="1" presId="urn:microsoft.com/office/officeart/2005/8/layout/list1"/>
    <dgm:cxn modelId="{2C2F6B53-9605-485C-AA59-B5B55F7CB6BD}" srcId="{92BB23FF-4857-4596-8EA2-3DBA27B2A4D0}" destId="{688D66FB-1CF9-4410-B30F-FB4DA26975B1}" srcOrd="1" destOrd="0" parTransId="{B0ED8F27-BA73-420C-9191-DA2EB944398E}" sibTransId="{8CECD4E5-259B-44F8-8760-F4573730A51E}"/>
    <dgm:cxn modelId="{25D45656-9263-5A47-8EB9-A8E707F68471}" type="presOf" srcId="{688D66FB-1CF9-4410-B30F-FB4DA26975B1}" destId="{A89E894F-27B8-5648-9E4E-A79DA16459A8}" srcOrd="0" destOrd="0" presId="urn:microsoft.com/office/officeart/2005/8/layout/list1"/>
    <dgm:cxn modelId="{21BE275C-1A69-DC41-B6A6-7C4B627E692A}" type="presOf" srcId="{92FE536B-F4D7-47AF-89D0-3CBB97AC6A50}" destId="{E57AFE8F-383F-784A-AB59-481632DE2357}" srcOrd="0" destOrd="5" presId="urn:microsoft.com/office/officeart/2005/8/layout/list1"/>
    <dgm:cxn modelId="{3AE4D367-1C15-4B8D-990D-B7426C4C086C}" srcId="{688D66FB-1CF9-4410-B30F-FB4DA26975B1}" destId="{C58F4DF7-0614-4EA8-80C8-AD52D155E30E}" srcOrd="1" destOrd="0" parTransId="{C474C2B7-A45C-4FDB-99E7-5F520F53F67B}" sibTransId="{1A7DF535-0508-4FFD-A166-82196FCA06BA}"/>
    <dgm:cxn modelId="{7F70FD72-668D-B249-A330-13A9B3F3B255}" type="presOf" srcId="{A858A7A7-C4EE-4DF3-B563-BEBBDDCFEC8B}" destId="{E57AFE8F-383F-784A-AB59-481632DE2357}" srcOrd="0" destOrd="0" presId="urn:microsoft.com/office/officeart/2005/8/layout/list1"/>
    <dgm:cxn modelId="{E580BC8F-A508-EB4C-8BA2-77E9E3AE42E4}" type="presOf" srcId="{E4279E50-AD6C-48B9-8D20-75673B101249}" destId="{1AC559F0-45A2-874D-914B-D3C657C14E1C}" srcOrd="1" destOrd="0" presId="urn:microsoft.com/office/officeart/2005/8/layout/list1"/>
    <dgm:cxn modelId="{BE7047A3-49FD-0B47-AF67-714CCA85D230}" type="presOf" srcId="{20BDB52C-DA79-43AE-82AA-29ABED98B9F6}" destId="{E57AFE8F-383F-784A-AB59-481632DE2357}" srcOrd="0" destOrd="2" presId="urn:microsoft.com/office/officeart/2005/8/layout/list1"/>
    <dgm:cxn modelId="{115C12B0-E854-4929-8E89-1787DB0B4953}" srcId="{92BB23FF-4857-4596-8EA2-3DBA27B2A4D0}" destId="{E4279E50-AD6C-48B9-8D20-75673B101249}" srcOrd="0" destOrd="0" parTransId="{E44E9573-2F44-4347-A386-4AC77B7BF416}" sibTransId="{AE509509-A3C0-4232-82DC-370624F155CC}"/>
    <dgm:cxn modelId="{9A9B90B0-35D6-43A8-AA8E-142BE541398D}" srcId="{BF685061-4799-4298-86DA-C02ADFD163E6}" destId="{347268DD-3AE6-4FD7-9D22-072617C5EBDD}" srcOrd="0" destOrd="0" parTransId="{736FFB3D-B183-4857-968D-DED8891D22E5}" sibTransId="{14396174-FBFC-4222-A5C3-BC46D784AD71}"/>
    <dgm:cxn modelId="{D22FA3C2-D5C6-B34D-82AF-8C00F5C904D4}" type="presOf" srcId="{688D66FB-1CF9-4410-B30F-FB4DA26975B1}" destId="{93CEAFB5-A0A6-E343-A4F5-39E2864ACC9A}" srcOrd="1" destOrd="0" presId="urn:microsoft.com/office/officeart/2005/8/layout/list1"/>
    <dgm:cxn modelId="{565014C3-B5FE-4BA3-9E04-0459E0D2E5D0}" srcId="{BF685061-4799-4298-86DA-C02ADFD163E6}" destId="{92FE536B-F4D7-47AF-89D0-3CBB97AC6A50}" srcOrd="1" destOrd="0" parTransId="{B5B8276E-1444-488F-A979-1878D387417E}" sibTransId="{DF55A23D-54E9-4749-8B1B-6A94A6A582C7}"/>
    <dgm:cxn modelId="{443711D8-AB29-4BA8-B030-F72401B1FC8F}" srcId="{688D66FB-1CF9-4410-B30F-FB4DA26975B1}" destId="{20BDB52C-DA79-43AE-82AA-29ABED98B9F6}" srcOrd="2" destOrd="0" parTransId="{61546706-B6F0-47AE-B704-652D377D97D8}" sibTransId="{FD9B45DB-8024-4BC4-869C-4661809EE59F}"/>
    <dgm:cxn modelId="{E3EF5EDB-29F3-5540-A3EA-5654C0CE7FA3}" type="presOf" srcId="{347268DD-3AE6-4FD7-9D22-072617C5EBDD}" destId="{E57AFE8F-383F-784A-AB59-481632DE2357}" srcOrd="0" destOrd="4" presId="urn:microsoft.com/office/officeart/2005/8/layout/list1"/>
    <dgm:cxn modelId="{EDF528EC-49CB-0B46-946E-A444800778A6}" type="presOf" srcId="{E4279E50-AD6C-48B9-8D20-75673B101249}" destId="{F7C976B8-FE59-F747-8E75-739C404C5DF3}" srcOrd="0" destOrd="0" presId="urn:microsoft.com/office/officeart/2005/8/layout/list1"/>
    <dgm:cxn modelId="{B2014650-6FE5-7D48-B30B-F9E30E1F8AEF}" type="presParOf" srcId="{DA5BA435-2AAD-9D49-AABA-3FF89188E61C}" destId="{362435A6-8EE7-FF4C-A976-B5BEF74BA5FB}" srcOrd="0" destOrd="0" presId="urn:microsoft.com/office/officeart/2005/8/layout/list1"/>
    <dgm:cxn modelId="{57E61324-BF54-D040-A3BB-A3580D7C2411}" type="presParOf" srcId="{362435A6-8EE7-FF4C-A976-B5BEF74BA5FB}" destId="{F7C976B8-FE59-F747-8E75-739C404C5DF3}" srcOrd="0" destOrd="0" presId="urn:microsoft.com/office/officeart/2005/8/layout/list1"/>
    <dgm:cxn modelId="{9E308C8A-8F03-764D-9EEA-FB9058B58C7D}" type="presParOf" srcId="{362435A6-8EE7-FF4C-A976-B5BEF74BA5FB}" destId="{1AC559F0-45A2-874D-914B-D3C657C14E1C}" srcOrd="1" destOrd="0" presId="urn:microsoft.com/office/officeart/2005/8/layout/list1"/>
    <dgm:cxn modelId="{BC730FE1-0A34-A84F-9687-E757260D6590}" type="presParOf" srcId="{DA5BA435-2AAD-9D49-AABA-3FF89188E61C}" destId="{339CDD8B-E09F-5542-99C9-043D6F624BA4}" srcOrd="1" destOrd="0" presId="urn:microsoft.com/office/officeart/2005/8/layout/list1"/>
    <dgm:cxn modelId="{EEFF4330-61A1-3F48-8F73-00E4B92CD955}" type="presParOf" srcId="{DA5BA435-2AAD-9D49-AABA-3FF89188E61C}" destId="{45730D5B-0137-E24B-A2DA-160BC7AF8B79}" srcOrd="2" destOrd="0" presId="urn:microsoft.com/office/officeart/2005/8/layout/list1"/>
    <dgm:cxn modelId="{7497AA5B-D1D8-6848-A3EF-63FF6ED9B24D}" type="presParOf" srcId="{DA5BA435-2AAD-9D49-AABA-3FF89188E61C}" destId="{5BD6ACE1-0468-E443-A59D-87F2EE509605}" srcOrd="3" destOrd="0" presId="urn:microsoft.com/office/officeart/2005/8/layout/list1"/>
    <dgm:cxn modelId="{369970A6-4BF9-6D44-B276-B3FF0950CDCA}" type="presParOf" srcId="{DA5BA435-2AAD-9D49-AABA-3FF89188E61C}" destId="{6E4D86D0-6288-4647-A2C2-E994B4974B8C}" srcOrd="4" destOrd="0" presId="urn:microsoft.com/office/officeart/2005/8/layout/list1"/>
    <dgm:cxn modelId="{033EB895-7CC1-F344-B3E5-DF1A049D9709}" type="presParOf" srcId="{6E4D86D0-6288-4647-A2C2-E994B4974B8C}" destId="{A89E894F-27B8-5648-9E4E-A79DA16459A8}" srcOrd="0" destOrd="0" presId="urn:microsoft.com/office/officeart/2005/8/layout/list1"/>
    <dgm:cxn modelId="{1609029F-98F1-CE43-B3B5-B1FFDBFCE8DB}" type="presParOf" srcId="{6E4D86D0-6288-4647-A2C2-E994B4974B8C}" destId="{93CEAFB5-A0A6-E343-A4F5-39E2864ACC9A}" srcOrd="1" destOrd="0" presId="urn:microsoft.com/office/officeart/2005/8/layout/list1"/>
    <dgm:cxn modelId="{CFD6C69D-F149-7F44-A3E7-BA4C860B1CC4}" type="presParOf" srcId="{DA5BA435-2AAD-9D49-AABA-3FF89188E61C}" destId="{E64E21C1-D3EA-4741-BC2B-47E5672057FA}" srcOrd="5" destOrd="0" presId="urn:microsoft.com/office/officeart/2005/8/layout/list1"/>
    <dgm:cxn modelId="{A9D92FF2-9F1B-6A42-BCBD-3855DA3E37F3}" type="presParOf" srcId="{DA5BA435-2AAD-9D49-AABA-3FF89188E61C}" destId="{E57AFE8F-383F-784A-AB59-481632DE2357}" srcOrd="6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76986957-D195-4852-BD13-A2DC5C14404F}" type="doc">
      <dgm:prSet loTypeId="urn:microsoft.com/office/officeart/2018/2/layout/IconVerticalSolid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52FD4944-4B14-4F7A-A90D-5F7A9E61DF92}">
      <dgm:prSet/>
      <dgm:spPr/>
      <dgm:t>
        <a:bodyPr/>
        <a:lstStyle/>
        <a:p>
          <a:r>
            <a:rPr lang="en-GB"/>
            <a:t>To start the Kafka cluster, open the folder “exercises_lecture02” in a terminal of your choice</a:t>
          </a:r>
          <a:endParaRPr lang="en-US"/>
        </a:p>
      </dgm:t>
    </dgm:pt>
    <dgm:pt modelId="{0C8B082A-830C-49E4-99D5-2985A4BA374D}" type="parTrans" cxnId="{73DB2D01-668D-467E-B76E-066692C625FD}">
      <dgm:prSet/>
      <dgm:spPr/>
      <dgm:t>
        <a:bodyPr/>
        <a:lstStyle/>
        <a:p>
          <a:endParaRPr lang="en-US"/>
        </a:p>
      </dgm:t>
    </dgm:pt>
    <dgm:pt modelId="{05472E96-B2EE-4D84-A492-8809A489E441}" type="sibTrans" cxnId="{73DB2D01-668D-467E-B76E-066692C625FD}">
      <dgm:prSet/>
      <dgm:spPr/>
      <dgm:t>
        <a:bodyPr/>
        <a:lstStyle/>
        <a:p>
          <a:endParaRPr lang="en-US"/>
        </a:p>
      </dgm:t>
    </dgm:pt>
    <dgm:pt modelId="{6806D2E4-2F46-4EAD-9986-372B695AEABB}">
      <dgm:prSet/>
      <dgm:spPr/>
      <dgm:t>
        <a:bodyPr/>
        <a:lstStyle/>
        <a:p>
          <a:r>
            <a:rPr lang="en-GB"/>
            <a:t>Use the 'docker-compose up' command to start the Kafka cluster and the Kafka UI</a:t>
          </a:r>
          <a:endParaRPr lang="en-US"/>
        </a:p>
      </dgm:t>
    </dgm:pt>
    <dgm:pt modelId="{2530C597-7321-44A3-ACDA-27888407C96F}" type="parTrans" cxnId="{B69F2E7E-D0BA-40A8-B4AA-76F6B70C4459}">
      <dgm:prSet/>
      <dgm:spPr/>
      <dgm:t>
        <a:bodyPr/>
        <a:lstStyle/>
        <a:p>
          <a:endParaRPr lang="en-US"/>
        </a:p>
      </dgm:t>
    </dgm:pt>
    <dgm:pt modelId="{FC5EFCEB-45ED-4CCE-BD29-5654874FF57B}" type="sibTrans" cxnId="{B69F2E7E-D0BA-40A8-B4AA-76F6B70C4459}">
      <dgm:prSet/>
      <dgm:spPr/>
      <dgm:t>
        <a:bodyPr/>
        <a:lstStyle/>
        <a:p>
          <a:endParaRPr lang="en-US"/>
        </a:p>
      </dgm:t>
    </dgm:pt>
    <dgm:pt modelId="{EB980CEE-B449-4ABE-8FC9-CE4B7F1F4599}">
      <dgm:prSet/>
      <dgm:spPr/>
      <dgm:t>
        <a:bodyPr/>
        <a:lstStyle/>
        <a:p>
          <a:r>
            <a:rPr lang="en-GB"/>
            <a:t>This should start all kafka nodes and your cluster should be up and running, way to go!</a:t>
          </a:r>
          <a:endParaRPr lang="en-US"/>
        </a:p>
      </dgm:t>
    </dgm:pt>
    <dgm:pt modelId="{10B068FF-EC58-4033-BCDB-2F730D090F7B}" type="parTrans" cxnId="{75EAFF18-2A1F-45DA-8608-E5E161B1BE2C}">
      <dgm:prSet/>
      <dgm:spPr/>
      <dgm:t>
        <a:bodyPr/>
        <a:lstStyle/>
        <a:p>
          <a:endParaRPr lang="en-US"/>
        </a:p>
      </dgm:t>
    </dgm:pt>
    <dgm:pt modelId="{FFBFD0E5-FD2C-486E-8653-5273EF42B70A}" type="sibTrans" cxnId="{75EAFF18-2A1F-45DA-8608-E5E161B1BE2C}">
      <dgm:prSet/>
      <dgm:spPr/>
      <dgm:t>
        <a:bodyPr/>
        <a:lstStyle/>
        <a:p>
          <a:endParaRPr lang="en-US"/>
        </a:p>
      </dgm:t>
    </dgm:pt>
    <dgm:pt modelId="{29E6240F-31BB-4917-86D4-A41588772145}">
      <dgm:prSet/>
      <dgm:spPr/>
      <dgm:t>
        <a:bodyPr/>
        <a:lstStyle/>
        <a:p>
          <a:r>
            <a:rPr lang="en-GB" dirty="0"/>
            <a:t>Try to visit 'localhost:8088' to view a Kafka UI</a:t>
          </a:r>
          <a:endParaRPr lang="en-US" dirty="0"/>
        </a:p>
      </dgm:t>
    </dgm:pt>
    <dgm:pt modelId="{8F1246CF-68E4-401F-B779-2CA61F32AF9E}" type="parTrans" cxnId="{BEDE10C6-0018-449C-8E07-AEAAA2FE2B19}">
      <dgm:prSet/>
      <dgm:spPr/>
      <dgm:t>
        <a:bodyPr/>
        <a:lstStyle/>
        <a:p>
          <a:endParaRPr lang="en-US"/>
        </a:p>
      </dgm:t>
    </dgm:pt>
    <dgm:pt modelId="{E1F6C8F6-7246-4126-9A25-2294A9BCBDA0}" type="sibTrans" cxnId="{BEDE10C6-0018-449C-8E07-AEAAA2FE2B19}">
      <dgm:prSet/>
      <dgm:spPr/>
      <dgm:t>
        <a:bodyPr/>
        <a:lstStyle/>
        <a:p>
          <a:endParaRPr lang="en-US"/>
        </a:p>
      </dgm:t>
    </dgm:pt>
    <dgm:pt modelId="{948340C2-4CDB-4DCF-A4EA-E59BD8006BFC}">
      <dgm:prSet/>
      <dgm:spPr/>
      <dgm:t>
        <a:bodyPr/>
        <a:lstStyle/>
        <a:p>
          <a:r>
            <a:rPr lang="en-GB"/>
            <a:t>Try to create a topic</a:t>
          </a:r>
          <a:endParaRPr lang="en-US"/>
        </a:p>
      </dgm:t>
    </dgm:pt>
    <dgm:pt modelId="{4654F6A4-1CFA-49BE-B557-2C2CBC443DE6}" type="parTrans" cxnId="{7D295214-3210-4579-8054-8A09C29C3743}">
      <dgm:prSet/>
      <dgm:spPr/>
      <dgm:t>
        <a:bodyPr/>
        <a:lstStyle/>
        <a:p>
          <a:endParaRPr lang="en-US"/>
        </a:p>
      </dgm:t>
    </dgm:pt>
    <dgm:pt modelId="{A456E973-914E-4DC2-865B-592C9C2D0B63}" type="sibTrans" cxnId="{7D295214-3210-4579-8054-8A09C29C3743}">
      <dgm:prSet/>
      <dgm:spPr/>
      <dgm:t>
        <a:bodyPr/>
        <a:lstStyle/>
        <a:p>
          <a:endParaRPr lang="en-US"/>
        </a:p>
      </dgm:t>
    </dgm:pt>
    <dgm:pt modelId="{88F3656D-4377-49EA-BE9C-7A9F32325AF2}">
      <dgm:prSet/>
      <dgm:spPr/>
      <dgm:t>
        <a:bodyPr/>
        <a:lstStyle/>
        <a:p>
          <a:r>
            <a:rPr lang="en-GB" dirty="0"/>
            <a:t>Try to send a message to the topic</a:t>
          </a:r>
          <a:endParaRPr lang="en-US" dirty="0"/>
        </a:p>
      </dgm:t>
    </dgm:pt>
    <dgm:pt modelId="{0847A909-3613-428D-99E7-CDE9A5AF8378}" type="parTrans" cxnId="{A449DDCB-F8B5-4CE8-BD2A-1CB408716552}">
      <dgm:prSet/>
      <dgm:spPr/>
      <dgm:t>
        <a:bodyPr/>
        <a:lstStyle/>
        <a:p>
          <a:endParaRPr lang="en-US"/>
        </a:p>
      </dgm:t>
    </dgm:pt>
    <dgm:pt modelId="{E8CFFF3C-5FC6-434D-A60F-5D384FED3D48}" type="sibTrans" cxnId="{A449DDCB-F8B5-4CE8-BD2A-1CB408716552}">
      <dgm:prSet/>
      <dgm:spPr/>
      <dgm:t>
        <a:bodyPr/>
        <a:lstStyle/>
        <a:p>
          <a:endParaRPr lang="en-US"/>
        </a:p>
      </dgm:t>
    </dgm:pt>
    <dgm:pt modelId="{B474ED30-9679-4224-A517-8776EDC02B88}" type="pres">
      <dgm:prSet presAssocID="{76986957-D195-4852-BD13-A2DC5C14404F}" presName="root" presStyleCnt="0">
        <dgm:presLayoutVars>
          <dgm:dir/>
          <dgm:resizeHandles val="exact"/>
        </dgm:presLayoutVars>
      </dgm:prSet>
      <dgm:spPr/>
    </dgm:pt>
    <dgm:pt modelId="{839B907E-1292-4177-BEDD-497449237DBE}" type="pres">
      <dgm:prSet presAssocID="{52FD4944-4B14-4F7A-A90D-5F7A9E61DF92}" presName="compNode" presStyleCnt="0"/>
      <dgm:spPr/>
    </dgm:pt>
    <dgm:pt modelId="{BD8E6E1A-E0B2-4255-991B-E3054D990D8C}" type="pres">
      <dgm:prSet presAssocID="{52FD4944-4B14-4F7A-A90D-5F7A9E61DF92}" presName="bgRect" presStyleLbl="bgShp" presStyleIdx="0" presStyleCnt="6"/>
      <dgm:spPr/>
    </dgm:pt>
    <dgm:pt modelId="{B81DE807-3D7C-44A0-BE81-FFCA0D059F55}" type="pres">
      <dgm:prSet presAssocID="{52FD4944-4B14-4F7A-A90D-5F7A9E61DF92}" presName="iconRect" presStyleLbl="node1" presStyleIdx="0" presStyleCnt="6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Open Folder"/>
        </a:ext>
      </dgm:extLst>
    </dgm:pt>
    <dgm:pt modelId="{0DFDDB74-2CB4-452E-8B48-17F35E3B7B88}" type="pres">
      <dgm:prSet presAssocID="{52FD4944-4B14-4F7A-A90D-5F7A9E61DF92}" presName="spaceRect" presStyleCnt="0"/>
      <dgm:spPr/>
    </dgm:pt>
    <dgm:pt modelId="{B8F59EDB-84D1-4137-9ED2-D361BCC39398}" type="pres">
      <dgm:prSet presAssocID="{52FD4944-4B14-4F7A-A90D-5F7A9E61DF92}" presName="parTx" presStyleLbl="revTx" presStyleIdx="0" presStyleCnt="6">
        <dgm:presLayoutVars>
          <dgm:chMax val="0"/>
          <dgm:chPref val="0"/>
        </dgm:presLayoutVars>
      </dgm:prSet>
      <dgm:spPr/>
    </dgm:pt>
    <dgm:pt modelId="{ABBEB021-D348-446E-9E95-F7B712B35C1F}" type="pres">
      <dgm:prSet presAssocID="{05472E96-B2EE-4D84-A492-8809A489E441}" presName="sibTrans" presStyleCnt="0"/>
      <dgm:spPr/>
    </dgm:pt>
    <dgm:pt modelId="{D517AE9B-A10E-4C82-88CA-6D3021872736}" type="pres">
      <dgm:prSet presAssocID="{6806D2E4-2F46-4EAD-9986-372B695AEABB}" presName="compNode" presStyleCnt="0"/>
      <dgm:spPr/>
    </dgm:pt>
    <dgm:pt modelId="{FCBAC81D-0732-4ACA-879E-34499447BBBF}" type="pres">
      <dgm:prSet presAssocID="{6806D2E4-2F46-4EAD-9986-372B695AEABB}" presName="bgRect" presStyleLbl="bgShp" presStyleIdx="1" presStyleCnt="6"/>
      <dgm:spPr/>
    </dgm:pt>
    <dgm:pt modelId="{67EBD211-73E8-44E6-AF70-47E1915B3770}" type="pres">
      <dgm:prSet presAssocID="{6806D2E4-2F46-4EAD-9986-372B695AEABB}" presName="iconRect" presStyleLbl="node1" presStyleIdx="1" presStyleCnt="6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Flowchart"/>
        </a:ext>
      </dgm:extLst>
    </dgm:pt>
    <dgm:pt modelId="{DA71AC8D-9025-4770-AF06-6A8A2D8DCD3D}" type="pres">
      <dgm:prSet presAssocID="{6806D2E4-2F46-4EAD-9986-372B695AEABB}" presName="spaceRect" presStyleCnt="0"/>
      <dgm:spPr/>
    </dgm:pt>
    <dgm:pt modelId="{AD78B231-12FA-4394-8A96-42FD9516088B}" type="pres">
      <dgm:prSet presAssocID="{6806D2E4-2F46-4EAD-9986-372B695AEABB}" presName="parTx" presStyleLbl="revTx" presStyleIdx="1" presStyleCnt="6">
        <dgm:presLayoutVars>
          <dgm:chMax val="0"/>
          <dgm:chPref val="0"/>
        </dgm:presLayoutVars>
      </dgm:prSet>
      <dgm:spPr/>
    </dgm:pt>
    <dgm:pt modelId="{54CBBCC6-6B5F-42AC-A3EF-5B2CB46ABCDD}" type="pres">
      <dgm:prSet presAssocID="{FC5EFCEB-45ED-4CCE-BD29-5654874FF57B}" presName="sibTrans" presStyleCnt="0"/>
      <dgm:spPr/>
    </dgm:pt>
    <dgm:pt modelId="{3A06975C-8DDA-4FC2-A595-2274B5642233}" type="pres">
      <dgm:prSet presAssocID="{EB980CEE-B449-4ABE-8FC9-CE4B7F1F4599}" presName="compNode" presStyleCnt="0"/>
      <dgm:spPr/>
    </dgm:pt>
    <dgm:pt modelId="{A168BE8B-5784-42E5-8C5F-A07492157180}" type="pres">
      <dgm:prSet presAssocID="{EB980CEE-B449-4ABE-8FC9-CE4B7F1F4599}" presName="bgRect" presStyleLbl="bgShp" presStyleIdx="2" presStyleCnt="6"/>
      <dgm:spPr/>
    </dgm:pt>
    <dgm:pt modelId="{713E5BD4-611A-4C93-8AD1-CD8D295EE3D8}" type="pres">
      <dgm:prSet presAssocID="{EB980CEE-B449-4ABE-8FC9-CE4B7F1F4599}" presName="iconRect" presStyleLbl="node1" presStyleIdx="2" presStyleCnt="6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isconnected"/>
        </a:ext>
      </dgm:extLst>
    </dgm:pt>
    <dgm:pt modelId="{B28D4714-7895-4E58-855E-53B935108E53}" type="pres">
      <dgm:prSet presAssocID="{EB980CEE-B449-4ABE-8FC9-CE4B7F1F4599}" presName="spaceRect" presStyleCnt="0"/>
      <dgm:spPr/>
    </dgm:pt>
    <dgm:pt modelId="{8F940120-A5CA-477F-8FA8-09177D1CFBA6}" type="pres">
      <dgm:prSet presAssocID="{EB980CEE-B449-4ABE-8FC9-CE4B7F1F4599}" presName="parTx" presStyleLbl="revTx" presStyleIdx="2" presStyleCnt="6">
        <dgm:presLayoutVars>
          <dgm:chMax val="0"/>
          <dgm:chPref val="0"/>
        </dgm:presLayoutVars>
      </dgm:prSet>
      <dgm:spPr/>
    </dgm:pt>
    <dgm:pt modelId="{A7E45E4B-C676-4213-8682-E8AFBBE3B92B}" type="pres">
      <dgm:prSet presAssocID="{FFBFD0E5-FD2C-486E-8653-5273EF42B70A}" presName="sibTrans" presStyleCnt="0"/>
      <dgm:spPr/>
    </dgm:pt>
    <dgm:pt modelId="{F844CEAF-5BB4-4085-B281-E71187F51BCD}" type="pres">
      <dgm:prSet presAssocID="{29E6240F-31BB-4917-86D4-A41588772145}" presName="compNode" presStyleCnt="0"/>
      <dgm:spPr/>
    </dgm:pt>
    <dgm:pt modelId="{7A7F4592-C810-4CD5-A238-4F3024A03874}" type="pres">
      <dgm:prSet presAssocID="{29E6240F-31BB-4917-86D4-A41588772145}" presName="bgRect" presStyleLbl="bgShp" presStyleIdx="3" presStyleCnt="6"/>
      <dgm:spPr/>
    </dgm:pt>
    <dgm:pt modelId="{A46B5197-A705-42F1-AF31-72F3466DA930}" type="pres">
      <dgm:prSet presAssocID="{29E6240F-31BB-4917-86D4-A41588772145}" presName="iconRect" presStyleLbl="node1" presStyleIdx="3" presStyleCnt="6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Web Design"/>
        </a:ext>
      </dgm:extLst>
    </dgm:pt>
    <dgm:pt modelId="{C022FF89-438A-44B4-8344-58E9D6C8F519}" type="pres">
      <dgm:prSet presAssocID="{29E6240F-31BB-4917-86D4-A41588772145}" presName="spaceRect" presStyleCnt="0"/>
      <dgm:spPr/>
    </dgm:pt>
    <dgm:pt modelId="{2D920C28-21C6-4CD8-9053-E3FDEF593D7C}" type="pres">
      <dgm:prSet presAssocID="{29E6240F-31BB-4917-86D4-A41588772145}" presName="parTx" presStyleLbl="revTx" presStyleIdx="3" presStyleCnt="6">
        <dgm:presLayoutVars>
          <dgm:chMax val="0"/>
          <dgm:chPref val="0"/>
        </dgm:presLayoutVars>
      </dgm:prSet>
      <dgm:spPr/>
    </dgm:pt>
    <dgm:pt modelId="{A2654522-DA9E-46E6-8E56-50DBB7225D77}" type="pres">
      <dgm:prSet presAssocID="{E1F6C8F6-7246-4126-9A25-2294A9BCBDA0}" presName="sibTrans" presStyleCnt="0"/>
      <dgm:spPr/>
    </dgm:pt>
    <dgm:pt modelId="{0BF65864-FF31-43F5-B46C-F3B064487DF8}" type="pres">
      <dgm:prSet presAssocID="{948340C2-4CDB-4DCF-A4EA-E59BD8006BFC}" presName="compNode" presStyleCnt="0"/>
      <dgm:spPr/>
    </dgm:pt>
    <dgm:pt modelId="{236E6EDA-02B0-41C1-BEA4-5474A76AB945}" type="pres">
      <dgm:prSet presAssocID="{948340C2-4CDB-4DCF-A4EA-E59BD8006BFC}" presName="bgRect" presStyleLbl="bgShp" presStyleIdx="4" presStyleCnt="6"/>
      <dgm:spPr/>
    </dgm:pt>
    <dgm:pt modelId="{189103FD-CC53-4AD9-9350-551584FC29A6}" type="pres">
      <dgm:prSet presAssocID="{948340C2-4CDB-4DCF-A4EA-E59BD8006BFC}" presName="iconRect" presStyleLbl="node1" presStyleIdx="4" presStyleCnt="6"/>
      <dgm:spPr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Pencil"/>
        </a:ext>
      </dgm:extLst>
    </dgm:pt>
    <dgm:pt modelId="{5EDB3F47-C7C1-46DF-9D1A-98360C6CAED2}" type="pres">
      <dgm:prSet presAssocID="{948340C2-4CDB-4DCF-A4EA-E59BD8006BFC}" presName="spaceRect" presStyleCnt="0"/>
      <dgm:spPr/>
    </dgm:pt>
    <dgm:pt modelId="{4AF3FE52-C2D6-456C-A47E-BC99B2D756B8}" type="pres">
      <dgm:prSet presAssocID="{948340C2-4CDB-4DCF-A4EA-E59BD8006BFC}" presName="parTx" presStyleLbl="revTx" presStyleIdx="4" presStyleCnt="6">
        <dgm:presLayoutVars>
          <dgm:chMax val="0"/>
          <dgm:chPref val="0"/>
        </dgm:presLayoutVars>
      </dgm:prSet>
      <dgm:spPr/>
    </dgm:pt>
    <dgm:pt modelId="{E6B0A82A-D4FA-45B2-8C76-010FEE84496D}" type="pres">
      <dgm:prSet presAssocID="{A456E973-914E-4DC2-865B-592C9C2D0B63}" presName="sibTrans" presStyleCnt="0"/>
      <dgm:spPr/>
    </dgm:pt>
    <dgm:pt modelId="{564EAE4E-9296-41BB-BE87-C7C1ECC7DCD0}" type="pres">
      <dgm:prSet presAssocID="{88F3656D-4377-49EA-BE9C-7A9F32325AF2}" presName="compNode" presStyleCnt="0"/>
      <dgm:spPr/>
    </dgm:pt>
    <dgm:pt modelId="{EBDE8AFE-6862-4627-9990-3DEEC76C693D}" type="pres">
      <dgm:prSet presAssocID="{88F3656D-4377-49EA-BE9C-7A9F32325AF2}" presName="bgRect" presStyleLbl="bgShp" presStyleIdx="5" presStyleCnt="6"/>
      <dgm:spPr/>
    </dgm:pt>
    <dgm:pt modelId="{09B817B7-502F-4B21-97F0-0A2B1D2C9AEF}" type="pres">
      <dgm:prSet presAssocID="{88F3656D-4377-49EA-BE9C-7A9F32325AF2}" presName="iconRect" presStyleLbl="node1" presStyleIdx="5" presStyleCnt="6"/>
      <dgm:spPr>
        <a:blipFill>
          <a:blip xmlns:r="http://schemas.openxmlformats.org/officeDocument/2006/relationships"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end"/>
        </a:ext>
      </dgm:extLst>
    </dgm:pt>
    <dgm:pt modelId="{F83FB8A2-E7C8-4AFE-AA0B-558194EF50FA}" type="pres">
      <dgm:prSet presAssocID="{88F3656D-4377-49EA-BE9C-7A9F32325AF2}" presName="spaceRect" presStyleCnt="0"/>
      <dgm:spPr/>
    </dgm:pt>
    <dgm:pt modelId="{E1127A4A-0BB4-4809-B9B0-0707EDCABB6E}" type="pres">
      <dgm:prSet presAssocID="{88F3656D-4377-49EA-BE9C-7A9F32325AF2}" presName="parTx" presStyleLbl="revTx" presStyleIdx="5" presStyleCnt="6">
        <dgm:presLayoutVars>
          <dgm:chMax val="0"/>
          <dgm:chPref val="0"/>
        </dgm:presLayoutVars>
      </dgm:prSet>
      <dgm:spPr/>
    </dgm:pt>
  </dgm:ptLst>
  <dgm:cxnLst>
    <dgm:cxn modelId="{73DB2D01-668D-467E-B76E-066692C625FD}" srcId="{76986957-D195-4852-BD13-A2DC5C14404F}" destId="{52FD4944-4B14-4F7A-A90D-5F7A9E61DF92}" srcOrd="0" destOrd="0" parTransId="{0C8B082A-830C-49E4-99D5-2985A4BA374D}" sibTransId="{05472E96-B2EE-4D84-A492-8809A489E441}"/>
    <dgm:cxn modelId="{EFFE6301-C3F3-4CB2-9CF2-A565A6960CFC}" type="presOf" srcId="{6806D2E4-2F46-4EAD-9986-372B695AEABB}" destId="{AD78B231-12FA-4394-8A96-42FD9516088B}" srcOrd="0" destOrd="0" presId="urn:microsoft.com/office/officeart/2018/2/layout/IconVerticalSolidList"/>
    <dgm:cxn modelId="{7D295214-3210-4579-8054-8A09C29C3743}" srcId="{76986957-D195-4852-BD13-A2DC5C14404F}" destId="{948340C2-4CDB-4DCF-A4EA-E59BD8006BFC}" srcOrd="4" destOrd="0" parTransId="{4654F6A4-1CFA-49BE-B557-2C2CBC443DE6}" sibTransId="{A456E973-914E-4DC2-865B-592C9C2D0B63}"/>
    <dgm:cxn modelId="{75EAFF18-2A1F-45DA-8608-E5E161B1BE2C}" srcId="{76986957-D195-4852-BD13-A2DC5C14404F}" destId="{EB980CEE-B449-4ABE-8FC9-CE4B7F1F4599}" srcOrd="2" destOrd="0" parTransId="{10B068FF-EC58-4033-BCDB-2F730D090F7B}" sibTransId="{FFBFD0E5-FD2C-486E-8653-5273EF42B70A}"/>
    <dgm:cxn modelId="{FC074327-C907-47A5-8CBF-C7A2EAF3C4E3}" type="presOf" srcId="{76986957-D195-4852-BD13-A2DC5C14404F}" destId="{B474ED30-9679-4224-A517-8776EDC02B88}" srcOrd="0" destOrd="0" presId="urn:microsoft.com/office/officeart/2018/2/layout/IconVerticalSolidList"/>
    <dgm:cxn modelId="{21F79543-0707-4CDD-A11A-2F66FB9B7779}" type="presOf" srcId="{29E6240F-31BB-4917-86D4-A41588772145}" destId="{2D920C28-21C6-4CD8-9053-E3FDEF593D7C}" srcOrd="0" destOrd="0" presId="urn:microsoft.com/office/officeart/2018/2/layout/IconVerticalSolidList"/>
    <dgm:cxn modelId="{87A03C5E-8161-4CB9-989E-22A57BB61903}" type="presOf" srcId="{52FD4944-4B14-4F7A-A90D-5F7A9E61DF92}" destId="{B8F59EDB-84D1-4137-9ED2-D361BCC39398}" srcOrd="0" destOrd="0" presId="urn:microsoft.com/office/officeart/2018/2/layout/IconVerticalSolidList"/>
    <dgm:cxn modelId="{6128F85F-1D02-4D9A-B494-2D7401EF0125}" type="presOf" srcId="{88F3656D-4377-49EA-BE9C-7A9F32325AF2}" destId="{E1127A4A-0BB4-4809-B9B0-0707EDCABB6E}" srcOrd="0" destOrd="0" presId="urn:microsoft.com/office/officeart/2018/2/layout/IconVerticalSolidList"/>
    <dgm:cxn modelId="{B69F2E7E-D0BA-40A8-B4AA-76F6B70C4459}" srcId="{76986957-D195-4852-BD13-A2DC5C14404F}" destId="{6806D2E4-2F46-4EAD-9986-372B695AEABB}" srcOrd="1" destOrd="0" parTransId="{2530C597-7321-44A3-ACDA-27888407C96F}" sibTransId="{FC5EFCEB-45ED-4CCE-BD29-5654874FF57B}"/>
    <dgm:cxn modelId="{3BC7458F-3E29-4637-AD1B-0095C9E3BE62}" type="presOf" srcId="{EB980CEE-B449-4ABE-8FC9-CE4B7F1F4599}" destId="{8F940120-A5CA-477F-8FA8-09177D1CFBA6}" srcOrd="0" destOrd="0" presId="urn:microsoft.com/office/officeart/2018/2/layout/IconVerticalSolidList"/>
    <dgm:cxn modelId="{BEDE10C6-0018-449C-8E07-AEAAA2FE2B19}" srcId="{76986957-D195-4852-BD13-A2DC5C14404F}" destId="{29E6240F-31BB-4917-86D4-A41588772145}" srcOrd="3" destOrd="0" parTransId="{8F1246CF-68E4-401F-B779-2CA61F32AF9E}" sibTransId="{E1F6C8F6-7246-4126-9A25-2294A9BCBDA0}"/>
    <dgm:cxn modelId="{0CEF28CA-2D01-44D5-A42B-B574F7CFF548}" type="presOf" srcId="{948340C2-4CDB-4DCF-A4EA-E59BD8006BFC}" destId="{4AF3FE52-C2D6-456C-A47E-BC99B2D756B8}" srcOrd="0" destOrd="0" presId="urn:microsoft.com/office/officeart/2018/2/layout/IconVerticalSolidList"/>
    <dgm:cxn modelId="{A449DDCB-F8B5-4CE8-BD2A-1CB408716552}" srcId="{76986957-D195-4852-BD13-A2DC5C14404F}" destId="{88F3656D-4377-49EA-BE9C-7A9F32325AF2}" srcOrd="5" destOrd="0" parTransId="{0847A909-3613-428D-99E7-CDE9A5AF8378}" sibTransId="{E8CFFF3C-5FC6-434D-A60F-5D384FED3D48}"/>
    <dgm:cxn modelId="{A8A15454-B453-4D4A-A824-6A49D56C69AF}" type="presParOf" srcId="{B474ED30-9679-4224-A517-8776EDC02B88}" destId="{839B907E-1292-4177-BEDD-497449237DBE}" srcOrd="0" destOrd="0" presId="urn:microsoft.com/office/officeart/2018/2/layout/IconVerticalSolidList"/>
    <dgm:cxn modelId="{EE76958F-4A28-46D4-AF66-36B69E6425CE}" type="presParOf" srcId="{839B907E-1292-4177-BEDD-497449237DBE}" destId="{BD8E6E1A-E0B2-4255-991B-E3054D990D8C}" srcOrd="0" destOrd="0" presId="urn:microsoft.com/office/officeart/2018/2/layout/IconVerticalSolidList"/>
    <dgm:cxn modelId="{EA57DCD1-3CAD-42B6-BD95-BAD60E830327}" type="presParOf" srcId="{839B907E-1292-4177-BEDD-497449237DBE}" destId="{B81DE807-3D7C-44A0-BE81-FFCA0D059F55}" srcOrd="1" destOrd="0" presId="urn:microsoft.com/office/officeart/2018/2/layout/IconVerticalSolidList"/>
    <dgm:cxn modelId="{C517CFA0-AFA6-4E9D-875F-982D0181A01F}" type="presParOf" srcId="{839B907E-1292-4177-BEDD-497449237DBE}" destId="{0DFDDB74-2CB4-452E-8B48-17F35E3B7B88}" srcOrd="2" destOrd="0" presId="urn:microsoft.com/office/officeart/2018/2/layout/IconVerticalSolidList"/>
    <dgm:cxn modelId="{3B09449E-4CEC-4C8B-8973-C70EE948E40A}" type="presParOf" srcId="{839B907E-1292-4177-BEDD-497449237DBE}" destId="{B8F59EDB-84D1-4137-9ED2-D361BCC39398}" srcOrd="3" destOrd="0" presId="urn:microsoft.com/office/officeart/2018/2/layout/IconVerticalSolidList"/>
    <dgm:cxn modelId="{B387870C-BE26-42AF-B1F1-6D1A5460FFAC}" type="presParOf" srcId="{B474ED30-9679-4224-A517-8776EDC02B88}" destId="{ABBEB021-D348-446E-9E95-F7B712B35C1F}" srcOrd="1" destOrd="0" presId="urn:microsoft.com/office/officeart/2018/2/layout/IconVerticalSolidList"/>
    <dgm:cxn modelId="{77030E34-C838-4C6D-943A-7115B5ECD231}" type="presParOf" srcId="{B474ED30-9679-4224-A517-8776EDC02B88}" destId="{D517AE9B-A10E-4C82-88CA-6D3021872736}" srcOrd="2" destOrd="0" presId="urn:microsoft.com/office/officeart/2018/2/layout/IconVerticalSolidList"/>
    <dgm:cxn modelId="{2E043960-AFE7-4AF0-82C2-C96CC508C235}" type="presParOf" srcId="{D517AE9B-A10E-4C82-88CA-6D3021872736}" destId="{FCBAC81D-0732-4ACA-879E-34499447BBBF}" srcOrd="0" destOrd="0" presId="urn:microsoft.com/office/officeart/2018/2/layout/IconVerticalSolidList"/>
    <dgm:cxn modelId="{E4B3BA41-5D67-4281-9308-787BC717C4C1}" type="presParOf" srcId="{D517AE9B-A10E-4C82-88CA-6D3021872736}" destId="{67EBD211-73E8-44E6-AF70-47E1915B3770}" srcOrd="1" destOrd="0" presId="urn:microsoft.com/office/officeart/2018/2/layout/IconVerticalSolidList"/>
    <dgm:cxn modelId="{EBB752B1-966F-4625-991D-0715777CBF24}" type="presParOf" srcId="{D517AE9B-A10E-4C82-88CA-6D3021872736}" destId="{DA71AC8D-9025-4770-AF06-6A8A2D8DCD3D}" srcOrd="2" destOrd="0" presId="urn:microsoft.com/office/officeart/2018/2/layout/IconVerticalSolidList"/>
    <dgm:cxn modelId="{C4AEF0DC-7D2E-44A2-A67F-5DB3BF6B37E0}" type="presParOf" srcId="{D517AE9B-A10E-4C82-88CA-6D3021872736}" destId="{AD78B231-12FA-4394-8A96-42FD9516088B}" srcOrd="3" destOrd="0" presId="urn:microsoft.com/office/officeart/2018/2/layout/IconVerticalSolidList"/>
    <dgm:cxn modelId="{617FDC95-8B0C-42E9-8A83-3E22DB7087DB}" type="presParOf" srcId="{B474ED30-9679-4224-A517-8776EDC02B88}" destId="{54CBBCC6-6B5F-42AC-A3EF-5B2CB46ABCDD}" srcOrd="3" destOrd="0" presId="urn:microsoft.com/office/officeart/2018/2/layout/IconVerticalSolidList"/>
    <dgm:cxn modelId="{4568E332-F9F0-431E-8574-4DE63DEBA732}" type="presParOf" srcId="{B474ED30-9679-4224-A517-8776EDC02B88}" destId="{3A06975C-8DDA-4FC2-A595-2274B5642233}" srcOrd="4" destOrd="0" presId="urn:microsoft.com/office/officeart/2018/2/layout/IconVerticalSolidList"/>
    <dgm:cxn modelId="{65644E31-61AD-40C0-B605-626E44C5A1BC}" type="presParOf" srcId="{3A06975C-8DDA-4FC2-A595-2274B5642233}" destId="{A168BE8B-5784-42E5-8C5F-A07492157180}" srcOrd="0" destOrd="0" presId="urn:microsoft.com/office/officeart/2018/2/layout/IconVerticalSolidList"/>
    <dgm:cxn modelId="{4EAC8EFC-4522-4161-8B9F-EFFFD023A592}" type="presParOf" srcId="{3A06975C-8DDA-4FC2-A595-2274B5642233}" destId="{713E5BD4-611A-4C93-8AD1-CD8D295EE3D8}" srcOrd="1" destOrd="0" presId="urn:microsoft.com/office/officeart/2018/2/layout/IconVerticalSolidList"/>
    <dgm:cxn modelId="{705E5334-1DE5-4840-BE3B-1DB5C63A3916}" type="presParOf" srcId="{3A06975C-8DDA-4FC2-A595-2274B5642233}" destId="{B28D4714-7895-4E58-855E-53B935108E53}" srcOrd="2" destOrd="0" presId="urn:microsoft.com/office/officeart/2018/2/layout/IconVerticalSolidList"/>
    <dgm:cxn modelId="{CDCCD377-EACD-4CCD-84A7-574557F2979F}" type="presParOf" srcId="{3A06975C-8DDA-4FC2-A595-2274B5642233}" destId="{8F940120-A5CA-477F-8FA8-09177D1CFBA6}" srcOrd="3" destOrd="0" presId="urn:microsoft.com/office/officeart/2018/2/layout/IconVerticalSolidList"/>
    <dgm:cxn modelId="{8058509A-5B4C-4563-AE79-6A9DA77CFCC9}" type="presParOf" srcId="{B474ED30-9679-4224-A517-8776EDC02B88}" destId="{A7E45E4B-C676-4213-8682-E8AFBBE3B92B}" srcOrd="5" destOrd="0" presId="urn:microsoft.com/office/officeart/2018/2/layout/IconVerticalSolidList"/>
    <dgm:cxn modelId="{6E0E088B-64A4-4620-B626-D7DFF82AC16B}" type="presParOf" srcId="{B474ED30-9679-4224-A517-8776EDC02B88}" destId="{F844CEAF-5BB4-4085-B281-E71187F51BCD}" srcOrd="6" destOrd="0" presId="urn:microsoft.com/office/officeart/2018/2/layout/IconVerticalSolidList"/>
    <dgm:cxn modelId="{0A275502-8F11-40E9-90E0-BCF1F60BC391}" type="presParOf" srcId="{F844CEAF-5BB4-4085-B281-E71187F51BCD}" destId="{7A7F4592-C810-4CD5-A238-4F3024A03874}" srcOrd="0" destOrd="0" presId="urn:microsoft.com/office/officeart/2018/2/layout/IconVerticalSolidList"/>
    <dgm:cxn modelId="{88A2D1BF-7A8E-42BB-B2A0-5A8256EB5325}" type="presParOf" srcId="{F844CEAF-5BB4-4085-B281-E71187F51BCD}" destId="{A46B5197-A705-42F1-AF31-72F3466DA930}" srcOrd="1" destOrd="0" presId="urn:microsoft.com/office/officeart/2018/2/layout/IconVerticalSolidList"/>
    <dgm:cxn modelId="{4DE5779E-809A-4EDA-AA0F-1FE31273BC5F}" type="presParOf" srcId="{F844CEAF-5BB4-4085-B281-E71187F51BCD}" destId="{C022FF89-438A-44B4-8344-58E9D6C8F519}" srcOrd="2" destOrd="0" presId="urn:microsoft.com/office/officeart/2018/2/layout/IconVerticalSolidList"/>
    <dgm:cxn modelId="{27093272-9830-4F5C-9D22-706D9D89F929}" type="presParOf" srcId="{F844CEAF-5BB4-4085-B281-E71187F51BCD}" destId="{2D920C28-21C6-4CD8-9053-E3FDEF593D7C}" srcOrd="3" destOrd="0" presId="urn:microsoft.com/office/officeart/2018/2/layout/IconVerticalSolidList"/>
    <dgm:cxn modelId="{D85F9CCF-B715-48D3-A044-56CF6E69244C}" type="presParOf" srcId="{B474ED30-9679-4224-A517-8776EDC02B88}" destId="{A2654522-DA9E-46E6-8E56-50DBB7225D77}" srcOrd="7" destOrd="0" presId="urn:microsoft.com/office/officeart/2018/2/layout/IconVerticalSolidList"/>
    <dgm:cxn modelId="{1C8B5F1C-E1F9-4ADD-B1AE-E05D5CA74511}" type="presParOf" srcId="{B474ED30-9679-4224-A517-8776EDC02B88}" destId="{0BF65864-FF31-43F5-B46C-F3B064487DF8}" srcOrd="8" destOrd="0" presId="urn:microsoft.com/office/officeart/2018/2/layout/IconVerticalSolidList"/>
    <dgm:cxn modelId="{425385B1-C175-45D7-8412-6666CCB51AEB}" type="presParOf" srcId="{0BF65864-FF31-43F5-B46C-F3B064487DF8}" destId="{236E6EDA-02B0-41C1-BEA4-5474A76AB945}" srcOrd="0" destOrd="0" presId="urn:microsoft.com/office/officeart/2018/2/layout/IconVerticalSolidList"/>
    <dgm:cxn modelId="{936BC935-30FE-4E7A-B4F9-78D559A08C7D}" type="presParOf" srcId="{0BF65864-FF31-43F5-B46C-F3B064487DF8}" destId="{189103FD-CC53-4AD9-9350-551584FC29A6}" srcOrd="1" destOrd="0" presId="urn:microsoft.com/office/officeart/2018/2/layout/IconVerticalSolidList"/>
    <dgm:cxn modelId="{39245961-F0ED-4162-B64F-C17E07460F79}" type="presParOf" srcId="{0BF65864-FF31-43F5-B46C-F3B064487DF8}" destId="{5EDB3F47-C7C1-46DF-9D1A-98360C6CAED2}" srcOrd="2" destOrd="0" presId="urn:microsoft.com/office/officeart/2018/2/layout/IconVerticalSolidList"/>
    <dgm:cxn modelId="{F30B44EE-A328-4527-9619-EEA0DDD93714}" type="presParOf" srcId="{0BF65864-FF31-43F5-B46C-F3B064487DF8}" destId="{4AF3FE52-C2D6-456C-A47E-BC99B2D756B8}" srcOrd="3" destOrd="0" presId="urn:microsoft.com/office/officeart/2018/2/layout/IconVerticalSolidList"/>
    <dgm:cxn modelId="{7CDFA420-0B7C-4037-A145-A2BAA857CC6E}" type="presParOf" srcId="{B474ED30-9679-4224-A517-8776EDC02B88}" destId="{E6B0A82A-D4FA-45B2-8C76-010FEE84496D}" srcOrd="9" destOrd="0" presId="urn:microsoft.com/office/officeart/2018/2/layout/IconVerticalSolidList"/>
    <dgm:cxn modelId="{E6740C35-4296-40A9-AFD4-37864707B274}" type="presParOf" srcId="{B474ED30-9679-4224-A517-8776EDC02B88}" destId="{564EAE4E-9296-41BB-BE87-C7C1ECC7DCD0}" srcOrd="10" destOrd="0" presId="urn:microsoft.com/office/officeart/2018/2/layout/IconVerticalSolidList"/>
    <dgm:cxn modelId="{3DECC2F8-6E69-4C66-B8A0-2040E963B492}" type="presParOf" srcId="{564EAE4E-9296-41BB-BE87-C7C1ECC7DCD0}" destId="{EBDE8AFE-6862-4627-9990-3DEEC76C693D}" srcOrd="0" destOrd="0" presId="urn:microsoft.com/office/officeart/2018/2/layout/IconVerticalSolidList"/>
    <dgm:cxn modelId="{3C33AF8F-69A1-4D5E-B28C-20129F4556EE}" type="presParOf" srcId="{564EAE4E-9296-41BB-BE87-C7C1ECC7DCD0}" destId="{09B817B7-502F-4B21-97F0-0A2B1D2C9AEF}" srcOrd="1" destOrd="0" presId="urn:microsoft.com/office/officeart/2018/2/layout/IconVerticalSolidList"/>
    <dgm:cxn modelId="{AD46495C-9B1D-4BB4-922B-4591B95366A1}" type="presParOf" srcId="{564EAE4E-9296-41BB-BE87-C7C1ECC7DCD0}" destId="{F83FB8A2-E7C8-4AFE-AA0B-558194EF50FA}" srcOrd="2" destOrd="0" presId="urn:microsoft.com/office/officeart/2018/2/layout/IconVerticalSolidList"/>
    <dgm:cxn modelId="{B9167320-5B71-4A90-A8A1-2FCC34871DB8}" type="presParOf" srcId="{564EAE4E-9296-41BB-BE87-C7C1ECC7DCD0}" destId="{E1127A4A-0BB4-4809-B9B0-0707EDCABB6E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A7BA4A3D-74DA-43E8-908A-FBFDA087588C}" type="doc">
      <dgm:prSet loTypeId="urn:microsoft.com/office/officeart/2005/8/layout/list1" loCatId="list" qsTypeId="urn:microsoft.com/office/officeart/2005/8/quickstyle/simple2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E7293B96-7D19-4C70-BCE8-6EA458588481}">
      <dgm:prSet/>
      <dgm:spPr/>
      <dgm:t>
        <a:bodyPr/>
        <a:lstStyle/>
        <a:p>
          <a:r>
            <a:rPr lang="en-GB" dirty="0"/>
            <a:t>Select a system as a foundation for architecture practicing. </a:t>
          </a:r>
          <a:endParaRPr lang="en-US" dirty="0"/>
        </a:p>
      </dgm:t>
    </dgm:pt>
    <dgm:pt modelId="{D8FAF0DF-A484-4A85-8491-2200FBB5DCEC}" type="parTrans" cxnId="{06EB983F-FC09-4C25-B41B-7FC675E336AA}">
      <dgm:prSet/>
      <dgm:spPr/>
      <dgm:t>
        <a:bodyPr/>
        <a:lstStyle/>
        <a:p>
          <a:endParaRPr lang="en-US"/>
        </a:p>
      </dgm:t>
    </dgm:pt>
    <dgm:pt modelId="{7F318B07-0BD3-4F9B-8D28-1458AA3B6CA7}" type="sibTrans" cxnId="{06EB983F-FC09-4C25-B41B-7FC675E336AA}">
      <dgm:prSet/>
      <dgm:spPr/>
      <dgm:t>
        <a:bodyPr/>
        <a:lstStyle/>
        <a:p>
          <a:endParaRPr lang="en-US"/>
        </a:p>
      </dgm:t>
    </dgm:pt>
    <dgm:pt modelId="{24563F58-A029-400E-946D-FB81741EE3D1}">
      <dgm:prSet/>
      <dgm:spPr/>
      <dgm:t>
        <a:bodyPr/>
        <a:lstStyle/>
        <a:p>
          <a:pPr>
            <a:lnSpc>
              <a:spcPct val="100000"/>
            </a:lnSpc>
          </a:pPr>
          <a:r>
            <a:rPr lang="en-GB"/>
            <a:t>It can be a system from earlier projects that you want to develop further, or a system you want to develop. </a:t>
          </a:r>
          <a:endParaRPr lang="en-US"/>
        </a:p>
      </dgm:t>
    </dgm:pt>
    <dgm:pt modelId="{2070491A-8165-4081-91D2-3DECF4E35019}" type="parTrans" cxnId="{EC8211D1-165B-4FB2-A5EF-ABD159F8C037}">
      <dgm:prSet/>
      <dgm:spPr/>
      <dgm:t>
        <a:bodyPr/>
        <a:lstStyle/>
        <a:p>
          <a:endParaRPr lang="en-US"/>
        </a:p>
      </dgm:t>
    </dgm:pt>
    <dgm:pt modelId="{DDB5AAF8-19DF-423C-8538-EF823C764459}" type="sibTrans" cxnId="{EC8211D1-165B-4FB2-A5EF-ABD159F8C037}">
      <dgm:prSet/>
      <dgm:spPr/>
      <dgm:t>
        <a:bodyPr/>
        <a:lstStyle/>
        <a:p>
          <a:endParaRPr lang="en-US"/>
        </a:p>
      </dgm:t>
    </dgm:pt>
    <dgm:pt modelId="{E4D0C627-29CB-4057-9598-04BA76161D5D}">
      <dgm:prSet/>
      <dgm:spPr/>
      <dgm:t>
        <a:bodyPr/>
        <a:lstStyle/>
        <a:p>
          <a:pPr>
            <a:lnSpc>
              <a:spcPct val="100000"/>
            </a:lnSpc>
          </a:pPr>
          <a:r>
            <a:rPr lang="en-GB"/>
            <a:t>The main point is to have a basis for working with the architectural concepts in future exercises not develop a fully functional system.</a:t>
          </a:r>
          <a:endParaRPr lang="en-US"/>
        </a:p>
      </dgm:t>
    </dgm:pt>
    <dgm:pt modelId="{51DC525A-DA6D-41A2-A7B8-2F1A6D5CC8DC}" type="parTrans" cxnId="{DD8FEEAB-4178-40AA-9326-96D209D7B45E}">
      <dgm:prSet/>
      <dgm:spPr/>
      <dgm:t>
        <a:bodyPr/>
        <a:lstStyle/>
        <a:p>
          <a:endParaRPr lang="en-US"/>
        </a:p>
      </dgm:t>
    </dgm:pt>
    <dgm:pt modelId="{F18FEE50-D8E2-4AF2-A0A5-591CEBD99927}" type="sibTrans" cxnId="{DD8FEEAB-4178-40AA-9326-96D209D7B45E}">
      <dgm:prSet/>
      <dgm:spPr/>
      <dgm:t>
        <a:bodyPr/>
        <a:lstStyle/>
        <a:p>
          <a:endParaRPr lang="en-US"/>
        </a:p>
      </dgm:t>
    </dgm:pt>
    <dgm:pt modelId="{DFFE96FE-EBF1-4016-A694-9CF8DEE62226}">
      <dgm:prSet/>
      <dgm:spPr/>
      <dgm:t>
        <a:bodyPr/>
        <a:lstStyle/>
        <a:p>
          <a:r>
            <a:rPr lang="en-GB" dirty="0"/>
            <a:t>Shortly describe the mission of the system in a couple of sentences.</a:t>
          </a:r>
          <a:endParaRPr lang="en-US" dirty="0"/>
        </a:p>
      </dgm:t>
    </dgm:pt>
    <dgm:pt modelId="{5B5158DB-A78F-4CBC-B576-E0F4A3DD4C83}" type="parTrans" cxnId="{2FF9E940-2FAF-4F27-99FF-6AE3657440B5}">
      <dgm:prSet/>
      <dgm:spPr/>
      <dgm:t>
        <a:bodyPr/>
        <a:lstStyle/>
        <a:p>
          <a:endParaRPr lang="en-US"/>
        </a:p>
      </dgm:t>
    </dgm:pt>
    <dgm:pt modelId="{F99523DD-7CEE-4CD6-823D-4E284ED9AD88}" type="sibTrans" cxnId="{2FF9E940-2FAF-4F27-99FF-6AE3657440B5}">
      <dgm:prSet/>
      <dgm:spPr/>
      <dgm:t>
        <a:bodyPr/>
        <a:lstStyle/>
        <a:p>
          <a:endParaRPr lang="en-US"/>
        </a:p>
      </dgm:t>
    </dgm:pt>
    <dgm:pt modelId="{E5DB839B-7EB2-4A21-B419-20A11AE84A3B}">
      <dgm:prSet/>
      <dgm:spPr/>
      <dgm:t>
        <a:bodyPr/>
        <a:lstStyle/>
        <a:p>
          <a:pPr>
            <a:lnSpc>
              <a:spcPct val="100000"/>
            </a:lnSpc>
          </a:pPr>
          <a:r>
            <a:rPr lang="en-GB" dirty="0"/>
            <a:t>Made up example: “</a:t>
          </a:r>
          <a:r>
            <a:rPr lang="en-GB" b="0" i="0" u="none" dirty="0"/>
            <a:t>Our mission is to revolutionize the way people track satellites. With our software system, anyone with a smartphone can effortlessly point their camera to the sky and receive real-time information about the satellites in their view. We aim to make space exploration accessible and fascinating for all.</a:t>
          </a:r>
          <a:r>
            <a:rPr lang="en-GB" dirty="0"/>
            <a:t>”  </a:t>
          </a:r>
          <a:endParaRPr lang="en-US" dirty="0"/>
        </a:p>
      </dgm:t>
    </dgm:pt>
    <dgm:pt modelId="{9817EFB1-5348-435C-81C4-7DF1C5473946}" type="parTrans" cxnId="{CECFD2BA-5280-4F83-B53A-ED53B05F2CB1}">
      <dgm:prSet/>
      <dgm:spPr/>
      <dgm:t>
        <a:bodyPr/>
        <a:lstStyle/>
        <a:p>
          <a:endParaRPr lang="en-US"/>
        </a:p>
      </dgm:t>
    </dgm:pt>
    <dgm:pt modelId="{F615E23D-0B93-4F24-B4C6-804358D3BD64}" type="sibTrans" cxnId="{CECFD2BA-5280-4F83-B53A-ED53B05F2CB1}">
      <dgm:prSet/>
      <dgm:spPr/>
      <dgm:t>
        <a:bodyPr/>
        <a:lstStyle/>
        <a:p>
          <a:endParaRPr lang="en-US"/>
        </a:p>
      </dgm:t>
    </dgm:pt>
    <dgm:pt modelId="{FF706E46-78F1-0345-8B09-667DE0E9D58B}" type="pres">
      <dgm:prSet presAssocID="{A7BA4A3D-74DA-43E8-908A-FBFDA087588C}" presName="linear" presStyleCnt="0">
        <dgm:presLayoutVars>
          <dgm:dir/>
          <dgm:animLvl val="lvl"/>
          <dgm:resizeHandles val="exact"/>
        </dgm:presLayoutVars>
      </dgm:prSet>
      <dgm:spPr/>
    </dgm:pt>
    <dgm:pt modelId="{90C72C11-1F20-F545-A17E-5A78D5CDC929}" type="pres">
      <dgm:prSet presAssocID="{E7293B96-7D19-4C70-BCE8-6EA458588481}" presName="parentLin" presStyleCnt="0"/>
      <dgm:spPr/>
    </dgm:pt>
    <dgm:pt modelId="{FA2A8102-8673-8C40-8D3C-F15FB673541C}" type="pres">
      <dgm:prSet presAssocID="{E7293B96-7D19-4C70-BCE8-6EA458588481}" presName="parentLeftMargin" presStyleLbl="node1" presStyleIdx="0" presStyleCnt="2"/>
      <dgm:spPr/>
    </dgm:pt>
    <dgm:pt modelId="{4C18F63B-51B7-C941-87A4-B4F52E84E253}" type="pres">
      <dgm:prSet presAssocID="{E7293B96-7D19-4C70-BCE8-6EA458588481}" presName="parentText" presStyleLbl="node1" presStyleIdx="0" presStyleCnt="2">
        <dgm:presLayoutVars>
          <dgm:chMax val="0"/>
          <dgm:bulletEnabled val="1"/>
        </dgm:presLayoutVars>
      </dgm:prSet>
      <dgm:spPr/>
    </dgm:pt>
    <dgm:pt modelId="{5D20B091-1174-064E-839D-F012C9C3B8F8}" type="pres">
      <dgm:prSet presAssocID="{E7293B96-7D19-4C70-BCE8-6EA458588481}" presName="negativeSpace" presStyleCnt="0"/>
      <dgm:spPr/>
    </dgm:pt>
    <dgm:pt modelId="{57EF635A-0B30-DD45-BB90-70036E8BC9B6}" type="pres">
      <dgm:prSet presAssocID="{E7293B96-7D19-4C70-BCE8-6EA458588481}" presName="childText" presStyleLbl="conFgAcc1" presStyleIdx="0" presStyleCnt="2">
        <dgm:presLayoutVars>
          <dgm:bulletEnabled val="1"/>
        </dgm:presLayoutVars>
      </dgm:prSet>
      <dgm:spPr/>
    </dgm:pt>
    <dgm:pt modelId="{8FD1E62B-54DC-1A41-9EE7-E305C396668C}" type="pres">
      <dgm:prSet presAssocID="{7F318B07-0BD3-4F9B-8D28-1458AA3B6CA7}" presName="spaceBetweenRectangles" presStyleCnt="0"/>
      <dgm:spPr/>
    </dgm:pt>
    <dgm:pt modelId="{724DC958-58E0-D34D-B410-7751E0306A51}" type="pres">
      <dgm:prSet presAssocID="{DFFE96FE-EBF1-4016-A694-9CF8DEE62226}" presName="parentLin" presStyleCnt="0"/>
      <dgm:spPr/>
    </dgm:pt>
    <dgm:pt modelId="{2A25A351-1F24-B848-81B6-A713A4327EC6}" type="pres">
      <dgm:prSet presAssocID="{DFFE96FE-EBF1-4016-A694-9CF8DEE62226}" presName="parentLeftMargin" presStyleLbl="node1" presStyleIdx="0" presStyleCnt="2"/>
      <dgm:spPr/>
    </dgm:pt>
    <dgm:pt modelId="{46A36141-8839-344D-8F8B-846FA2E3052C}" type="pres">
      <dgm:prSet presAssocID="{DFFE96FE-EBF1-4016-A694-9CF8DEE62226}" presName="parentText" presStyleLbl="node1" presStyleIdx="1" presStyleCnt="2">
        <dgm:presLayoutVars>
          <dgm:chMax val="0"/>
          <dgm:bulletEnabled val="1"/>
        </dgm:presLayoutVars>
      </dgm:prSet>
      <dgm:spPr/>
    </dgm:pt>
    <dgm:pt modelId="{8CA26D65-CE77-6745-ABE4-532D54DCD54F}" type="pres">
      <dgm:prSet presAssocID="{DFFE96FE-EBF1-4016-A694-9CF8DEE62226}" presName="negativeSpace" presStyleCnt="0"/>
      <dgm:spPr/>
    </dgm:pt>
    <dgm:pt modelId="{B6246A29-E1E5-534A-B0AA-C337896FD399}" type="pres">
      <dgm:prSet presAssocID="{DFFE96FE-EBF1-4016-A694-9CF8DEE62226}" presName="childText" presStyleLbl="conFgAcc1" presStyleIdx="1" presStyleCnt="2">
        <dgm:presLayoutVars>
          <dgm:bulletEnabled val="1"/>
        </dgm:presLayoutVars>
      </dgm:prSet>
      <dgm:spPr/>
    </dgm:pt>
  </dgm:ptLst>
  <dgm:cxnLst>
    <dgm:cxn modelId="{35A92919-4079-1E45-A6E8-874247B6FE67}" type="presOf" srcId="{E4D0C627-29CB-4057-9598-04BA76161D5D}" destId="{57EF635A-0B30-DD45-BB90-70036E8BC9B6}" srcOrd="0" destOrd="1" presId="urn:microsoft.com/office/officeart/2005/8/layout/list1"/>
    <dgm:cxn modelId="{70729F22-E976-9E4B-AAD8-0D5EF36A96DE}" type="presOf" srcId="{DFFE96FE-EBF1-4016-A694-9CF8DEE62226}" destId="{2A25A351-1F24-B848-81B6-A713A4327EC6}" srcOrd="0" destOrd="0" presId="urn:microsoft.com/office/officeart/2005/8/layout/list1"/>
    <dgm:cxn modelId="{06EB983F-FC09-4C25-B41B-7FC675E336AA}" srcId="{A7BA4A3D-74DA-43E8-908A-FBFDA087588C}" destId="{E7293B96-7D19-4C70-BCE8-6EA458588481}" srcOrd="0" destOrd="0" parTransId="{D8FAF0DF-A484-4A85-8491-2200FBB5DCEC}" sibTransId="{7F318B07-0BD3-4F9B-8D28-1458AA3B6CA7}"/>
    <dgm:cxn modelId="{2FF9E940-2FAF-4F27-99FF-6AE3657440B5}" srcId="{A7BA4A3D-74DA-43E8-908A-FBFDA087588C}" destId="{DFFE96FE-EBF1-4016-A694-9CF8DEE62226}" srcOrd="1" destOrd="0" parTransId="{5B5158DB-A78F-4CBC-B576-E0F4A3DD4C83}" sibTransId="{F99523DD-7CEE-4CD6-823D-4E284ED9AD88}"/>
    <dgm:cxn modelId="{6F5CFB7B-6A31-7548-BDFB-643BEDDCFF08}" type="presOf" srcId="{E7293B96-7D19-4C70-BCE8-6EA458588481}" destId="{FA2A8102-8673-8C40-8D3C-F15FB673541C}" srcOrd="0" destOrd="0" presId="urn:microsoft.com/office/officeart/2005/8/layout/list1"/>
    <dgm:cxn modelId="{21966880-5DA0-294E-A328-9027B3818043}" type="presOf" srcId="{E5DB839B-7EB2-4A21-B419-20A11AE84A3B}" destId="{B6246A29-E1E5-534A-B0AA-C337896FD399}" srcOrd="0" destOrd="0" presId="urn:microsoft.com/office/officeart/2005/8/layout/list1"/>
    <dgm:cxn modelId="{DD8FEEAB-4178-40AA-9326-96D209D7B45E}" srcId="{E7293B96-7D19-4C70-BCE8-6EA458588481}" destId="{E4D0C627-29CB-4057-9598-04BA76161D5D}" srcOrd="1" destOrd="0" parTransId="{51DC525A-DA6D-41A2-A7B8-2F1A6D5CC8DC}" sibTransId="{F18FEE50-D8E2-4AF2-A0A5-591CEBD99927}"/>
    <dgm:cxn modelId="{C331E6B6-66A6-174B-8456-2FF849FD01B0}" type="presOf" srcId="{E7293B96-7D19-4C70-BCE8-6EA458588481}" destId="{4C18F63B-51B7-C941-87A4-B4F52E84E253}" srcOrd="1" destOrd="0" presId="urn:microsoft.com/office/officeart/2005/8/layout/list1"/>
    <dgm:cxn modelId="{CECFD2BA-5280-4F83-B53A-ED53B05F2CB1}" srcId="{DFFE96FE-EBF1-4016-A694-9CF8DEE62226}" destId="{E5DB839B-7EB2-4A21-B419-20A11AE84A3B}" srcOrd="0" destOrd="0" parTransId="{9817EFB1-5348-435C-81C4-7DF1C5473946}" sibTransId="{F615E23D-0B93-4F24-B4C6-804358D3BD64}"/>
    <dgm:cxn modelId="{A4EA88CD-7FD3-754E-9A98-A2054C388118}" type="presOf" srcId="{A7BA4A3D-74DA-43E8-908A-FBFDA087588C}" destId="{FF706E46-78F1-0345-8B09-667DE0E9D58B}" srcOrd="0" destOrd="0" presId="urn:microsoft.com/office/officeart/2005/8/layout/list1"/>
    <dgm:cxn modelId="{EC8211D1-165B-4FB2-A5EF-ABD159F8C037}" srcId="{E7293B96-7D19-4C70-BCE8-6EA458588481}" destId="{24563F58-A029-400E-946D-FB81741EE3D1}" srcOrd="0" destOrd="0" parTransId="{2070491A-8165-4081-91D2-3DECF4E35019}" sibTransId="{DDB5AAF8-19DF-423C-8538-EF823C764459}"/>
    <dgm:cxn modelId="{7D6E4BE4-95B1-6444-BB17-0C10AD5AAD30}" type="presOf" srcId="{24563F58-A029-400E-946D-FB81741EE3D1}" destId="{57EF635A-0B30-DD45-BB90-70036E8BC9B6}" srcOrd="0" destOrd="0" presId="urn:microsoft.com/office/officeart/2005/8/layout/list1"/>
    <dgm:cxn modelId="{858196EE-5783-664C-976E-5D3CE435F177}" type="presOf" srcId="{DFFE96FE-EBF1-4016-A694-9CF8DEE62226}" destId="{46A36141-8839-344D-8F8B-846FA2E3052C}" srcOrd="1" destOrd="0" presId="urn:microsoft.com/office/officeart/2005/8/layout/list1"/>
    <dgm:cxn modelId="{1AA7F6DA-4C8A-E846-9C95-CB1328F683F2}" type="presParOf" srcId="{FF706E46-78F1-0345-8B09-667DE0E9D58B}" destId="{90C72C11-1F20-F545-A17E-5A78D5CDC929}" srcOrd="0" destOrd="0" presId="urn:microsoft.com/office/officeart/2005/8/layout/list1"/>
    <dgm:cxn modelId="{F30DE16C-20F5-2D40-96E1-92ABBC6CD1C3}" type="presParOf" srcId="{90C72C11-1F20-F545-A17E-5A78D5CDC929}" destId="{FA2A8102-8673-8C40-8D3C-F15FB673541C}" srcOrd="0" destOrd="0" presId="urn:microsoft.com/office/officeart/2005/8/layout/list1"/>
    <dgm:cxn modelId="{7F704AD4-8CC1-5045-86C4-1CE125FDC3BB}" type="presParOf" srcId="{90C72C11-1F20-F545-A17E-5A78D5CDC929}" destId="{4C18F63B-51B7-C941-87A4-B4F52E84E253}" srcOrd="1" destOrd="0" presId="urn:microsoft.com/office/officeart/2005/8/layout/list1"/>
    <dgm:cxn modelId="{6BAE0FDB-A012-0440-AF1C-859098666107}" type="presParOf" srcId="{FF706E46-78F1-0345-8B09-667DE0E9D58B}" destId="{5D20B091-1174-064E-839D-F012C9C3B8F8}" srcOrd="1" destOrd="0" presId="urn:microsoft.com/office/officeart/2005/8/layout/list1"/>
    <dgm:cxn modelId="{300EEC9C-DBDD-6043-A46D-909764013504}" type="presParOf" srcId="{FF706E46-78F1-0345-8B09-667DE0E9D58B}" destId="{57EF635A-0B30-DD45-BB90-70036E8BC9B6}" srcOrd="2" destOrd="0" presId="urn:microsoft.com/office/officeart/2005/8/layout/list1"/>
    <dgm:cxn modelId="{03B20002-93A6-824B-B921-399D6B24BD95}" type="presParOf" srcId="{FF706E46-78F1-0345-8B09-667DE0E9D58B}" destId="{8FD1E62B-54DC-1A41-9EE7-E305C396668C}" srcOrd="3" destOrd="0" presId="urn:microsoft.com/office/officeart/2005/8/layout/list1"/>
    <dgm:cxn modelId="{DFB3880C-C701-2E43-870F-89D1E7029F9C}" type="presParOf" srcId="{FF706E46-78F1-0345-8B09-667DE0E9D58B}" destId="{724DC958-58E0-D34D-B410-7751E0306A51}" srcOrd="4" destOrd="0" presId="urn:microsoft.com/office/officeart/2005/8/layout/list1"/>
    <dgm:cxn modelId="{FD565C7D-8D55-EB4D-B6A5-F9EAEFA09EE3}" type="presParOf" srcId="{724DC958-58E0-D34D-B410-7751E0306A51}" destId="{2A25A351-1F24-B848-81B6-A713A4327EC6}" srcOrd="0" destOrd="0" presId="urn:microsoft.com/office/officeart/2005/8/layout/list1"/>
    <dgm:cxn modelId="{E1C0F659-BBCD-A24C-995F-7E24317A2840}" type="presParOf" srcId="{724DC958-58E0-D34D-B410-7751E0306A51}" destId="{46A36141-8839-344D-8F8B-846FA2E3052C}" srcOrd="1" destOrd="0" presId="urn:microsoft.com/office/officeart/2005/8/layout/list1"/>
    <dgm:cxn modelId="{4665F8E9-940B-D440-AFEE-1AA594F2A7A4}" type="presParOf" srcId="{FF706E46-78F1-0345-8B09-667DE0E9D58B}" destId="{8CA26D65-CE77-6745-ABE4-532D54DCD54F}" srcOrd="5" destOrd="0" presId="urn:microsoft.com/office/officeart/2005/8/layout/list1"/>
    <dgm:cxn modelId="{5BDD8748-B742-7E43-91BB-F8BEFD468F3D}" type="presParOf" srcId="{FF706E46-78F1-0345-8B09-667DE0E9D58B}" destId="{B6246A29-E1E5-534A-B0AA-C337896FD399}" srcOrd="6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A7BA4A3D-74DA-43E8-908A-FBFDA087588C}" type="doc">
      <dgm:prSet loTypeId="urn:microsoft.com/office/officeart/2005/8/layout/list1" loCatId="list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E7293B96-7D19-4C70-BCE8-6EA458588481}">
      <dgm:prSet/>
      <dgm:spPr/>
      <dgm:t>
        <a:bodyPr/>
        <a:lstStyle/>
        <a:p>
          <a:r>
            <a:rPr lang="en-GB" dirty="0"/>
            <a:t>Give your understanding of documenting the software architecture of the chosen system. </a:t>
          </a:r>
          <a:endParaRPr lang="en-US" dirty="0"/>
        </a:p>
      </dgm:t>
    </dgm:pt>
    <dgm:pt modelId="{D8FAF0DF-A484-4A85-8491-2200FBB5DCEC}" type="parTrans" cxnId="{06EB983F-FC09-4C25-B41B-7FC675E336AA}">
      <dgm:prSet/>
      <dgm:spPr/>
      <dgm:t>
        <a:bodyPr/>
        <a:lstStyle/>
        <a:p>
          <a:endParaRPr lang="en-US"/>
        </a:p>
      </dgm:t>
    </dgm:pt>
    <dgm:pt modelId="{7F318B07-0BD3-4F9B-8D28-1458AA3B6CA7}" type="sibTrans" cxnId="{06EB983F-FC09-4C25-B41B-7FC675E336AA}">
      <dgm:prSet/>
      <dgm:spPr/>
      <dgm:t>
        <a:bodyPr/>
        <a:lstStyle/>
        <a:p>
          <a:endParaRPr lang="en-US"/>
        </a:p>
      </dgm:t>
    </dgm:pt>
    <dgm:pt modelId="{835B9412-071D-5741-A8EB-44C632312424}">
      <dgm:prSet/>
      <dgm:spPr/>
      <dgm:t>
        <a:bodyPr/>
        <a:lstStyle/>
        <a:p>
          <a:r>
            <a:rPr lang="en-GB" dirty="0"/>
            <a:t>The documentation should at least contain: </a:t>
          </a:r>
        </a:p>
      </dgm:t>
    </dgm:pt>
    <dgm:pt modelId="{73F183A3-04ED-9C4D-851B-5DC7D05DF4C4}" type="parTrans" cxnId="{8029B113-5450-8748-A050-C40FF3B4FBC6}">
      <dgm:prSet/>
      <dgm:spPr/>
      <dgm:t>
        <a:bodyPr/>
        <a:lstStyle/>
        <a:p>
          <a:endParaRPr lang="en-GB"/>
        </a:p>
      </dgm:t>
    </dgm:pt>
    <dgm:pt modelId="{6B1DBCC1-7243-0D49-8013-A4ECC2452391}" type="sibTrans" cxnId="{8029B113-5450-8748-A050-C40FF3B4FBC6}">
      <dgm:prSet/>
      <dgm:spPr/>
      <dgm:t>
        <a:bodyPr/>
        <a:lstStyle/>
        <a:p>
          <a:endParaRPr lang="en-GB"/>
        </a:p>
      </dgm:t>
    </dgm:pt>
    <dgm:pt modelId="{EF31301C-4AC6-9848-8AD7-63EC1EBAE98A}">
      <dgm:prSet/>
      <dgm:spPr/>
      <dgm:t>
        <a:bodyPr/>
        <a:lstStyle/>
        <a:p>
          <a:r>
            <a:rPr lang="en-GB"/>
            <a:t>A module view </a:t>
          </a:r>
          <a:endParaRPr lang="en-GB" dirty="0"/>
        </a:p>
      </dgm:t>
    </dgm:pt>
    <dgm:pt modelId="{5F3C5599-1219-1B42-B8E5-C4C89ED9E911}" type="parTrans" cxnId="{759946D4-850A-2F48-986D-B813D9509514}">
      <dgm:prSet/>
      <dgm:spPr/>
      <dgm:t>
        <a:bodyPr/>
        <a:lstStyle/>
        <a:p>
          <a:endParaRPr lang="en-GB"/>
        </a:p>
      </dgm:t>
    </dgm:pt>
    <dgm:pt modelId="{D7BE21D6-ACE4-C142-951F-019E1BA472A3}" type="sibTrans" cxnId="{759946D4-850A-2F48-986D-B813D9509514}">
      <dgm:prSet/>
      <dgm:spPr/>
      <dgm:t>
        <a:bodyPr/>
        <a:lstStyle/>
        <a:p>
          <a:endParaRPr lang="en-GB"/>
        </a:p>
      </dgm:t>
    </dgm:pt>
    <dgm:pt modelId="{5592B20F-8038-D740-BAF4-60CDA7C75F7B}">
      <dgm:prSet/>
      <dgm:spPr/>
      <dgm:t>
        <a:bodyPr/>
        <a:lstStyle/>
        <a:p>
          <a:r>
            <a:rPr lang="en-GB"/>
            <a:t>A component and connector view, </a:t>
          </a:r>
          <a:endParaRPr lang="en-GB" dirty="0"/>
        </a:p>
      </dgm:t>
    </dgm:pt>
    <dgm:pt modelId="{77ABE81A-BA62-4E46-81E6-B401268AB3FB}" type="parTrans" cxnId="{4C935731-F10E-3E41-B186-A7F689C33F2C}">
      <dgm:prSet/>
      <dgm:spPr/>
      <dgm:t>
        <a:bodyPr/>
        <a:lstStyle/>
        <a:p>
          <a:endParaRPr lang="en-GB"/>
        </a:p>
      </dgm:t>
    </dgm:pt>
    <dgm:pt modelId="{F2F00AA6-7305-944F-B00A-254457ADFDD4}" type="sibTrans" cxnId="{4C935731-F10E-3E41-B186-A7F689C33F2C}">
      <dgm:prSet/>
      <dgm:spPr/>
      <dgm:t>
        <a:bodyPr/>
        <a:lstStyle/>
        <a:p>
          <a:endParaRPr lang="en-GB"/>
        </a:p>
      </dgm:t>
    </dgm:pt>
    <dgm:pt modelId="{EDC4395F-E01F-1C47-A208-BF6ABB47FD4E}">
      <dgm:prSet/>
      <dgm:spPr/>
      <dgm:t>
        <a:bodyPr/>
        <a:lstStyle/>
        <a:p>
          <a:r>
            <a:rPr lang="en-GB"/>
            <a:t>An allocation view</a:t>
          </a:r>
          <a:endParaRPr lang="en-GB" dirty="0"/>
        </a:p>
      </dgm:t>
    </dgm:pt>
    <dgm:pt modelId="{C9423AC6-ECD8-214F-ADA6-3B5DDFC849AB}" type="parTrans" cxnId="{106AA66B-04A7-1046-98AA-9A5DC415B75B}">
      <dgm:prSet/>
      <dgm:spPr/>
      <dgm:t>
        <a:bodyPr/>
        <a:lstStyle/>
        <a:p>
          <a:endParaRPr lang="en-GB"/>
        </a:p>
      </dgm:t>
    </dgm:pt>
    <dgm:pt modelId="{AC0C4159-3774-784D-96C3-E6D142A85D05}" type="sibTrans" cxnId="{106AA66B-04A7-1046-98AA-9A5DC415B75B}">
      <dgm:prSet/>
      <dgm:spPr/>
      <dgm:t>
        <a:bodyPr/>
        <a:lstStyle/>
        <a:p>
          <a:endParaRPr lang="en-GB"/>
        </a:p>
      </dgm:t>
    </dgm:pt>
    <dgm:pt modelId="{66DF43CF-4EA4-3845-BE19-7FD4C6409DCF}">
      <dgm:prSet/>
      <dgm:spPr/>
      <dgm:t>
        <a:bodyPr/>
        <a:lstStyle/>
        <a:p>
          <a:r>
            <a:rPr lang="en-GB" dirty="0"/>
            <a:t>Other notations are also allowed. </a:t>
          </a:r>
        </a:p>
      </dgm:t>
    </dgm:pt>
    <dgm:pt modelId="{EEDD35EE-CE54-B643-B24C-44B8FDEF1160}" type="parTrans" cxnId="{4CE54AE1-8C11-E54F-B42E-8140BAF487BF}">
      <dgm:prSet/>
      <dgm:spPr/>
      <dgm:t>
        <a:bodyPr/>
        <a:lstStyle/>
        <a:p>
          <a:endParaRPr lang="en-GB"/>
        </a:p>
      </dgm:t>
    </dgm:pt>
    <dgm:pt modelId="{AFFCCF2F-0DAF-334C-9CFE-32570040B096}" type="sibTrans" cxnId="{4CE54AE1-8C11-E54F-B42E-8140BAF487BF}">
      <dgm:prSet/>
      <dgm:spPr/>
      <dgm:t>
        <a:bodyPr/>
        <a:lstStyle/>
        <a:p>
          <a:endParaRPr lang="en-GB"/>
        </a:p>
      </dgm:t>
    </dgm:pt>
    <dgm:pt modelId="{F987EE72-BE47-1C4B-95FE-D32DD0A57F1F}">
      <dgm:prSet/>
      <dgm:spPr/>
      <dgm:t>
        <a:bodyPr/>
        <a:lstStyle/>
        <a:p>
          <a:r>
            <a:rPr lang="en-GB" dirty="0"/>
            <a:t>To each view, provide a short description of the design rationale.</a:t>
          </a:r>
        </a:p>
      </dgm:t>
    </dgm:pt>
    <dgm:pt modelId="{44577816-520C-1A40-A4AE-F52485C28C45}" type="parTrans" cxnId="{A3B386D1-735F-3548-AFDC-6D9460B1C8AB}">
      <dgm:prSet/>
      <dgm:spPr/>
      <dgm:t>
        <a:bodyPr/>
        <a:lstStyle/>
        <a:p>
          <a:endParaRPr lang="en-GB"/>
        </a:p>
      </dgm:t>
    </dgm:pt>
    <dgm:pt modelId="{7DD3D93D-4929-8641-8E33-98516A36C84C}" type="sibTrans" cxnId="{A3B386D1-735F-3548-AFDC-6D9460B1C8AB}">
      <dgm:prSet/>
      <dgm:spPr/>
      <dgm:t>
        <a:bodyPr/>
        <a:lstStyle/>
        <a:p>
          <a:endParaRPr lang="en-GB"/>
        </a:p>
      </dgm:t>
    </dgm:pt>
    <dgm:pt modelId="{D71FA106-9327-0340-8ECF-50EDA2E576FC}">
      <dgm:prSet/>
      <dgm:spPr/>
      <dgm:t>
        <a:bodyPr/>
        <a:lstStyle/>
        <a:p>
          <a:r>
            <a:rPr lang="en-GB"/>
            <a:t>Remember to keep the architectural documentation at a sufficient abstraction level such that details that don’t impact the essential design decisions are omitted. </a:t>
          </a:r>
          <a:endParaRPr lang="en-DK" dirty="0"/>
        </a:p>
      </dgm:t>
    </dgm:pt>
    <dgm:pt modelId="{86A9011F-AF34-904B-BC23-57FAEFDA177D}" type="parTrans" cxnId="{87986F95-E258-6E47-9469-6D8A092CF524}">
      <dgm:prSet/>
      <dgm:spPr/>
      <dgm:t>
        <a:bodyPr/>
        <a:lstStyle/>
        <a:p>
          <a:endParaRPr lang="en-GB"/>
        </a:p>
      </dgm:t>
    </dgm:pt>
    <dgm:pt modelId="{1E79C461-3BE7-4F46-A400-DB0B591227B3}" type="sibTrans" cxnId="{87986F95-E258-6E47-9469-6D8A092CF524}">
      <dgm:prSet/>
      <dgm:spPr/>
      <dgm:t>
        <a:bodyPr/>
        <a:lstStyle/>
        <a:p>
          <a:endParaRPr lang="en-GB"/>
        </a:p>
      </dgm:t>
    </dgm:pt>
    <dgm:pt modelId="{9423D1FD-E98C-8A48-8A15-A1B544F32F7E}" type="pres">
      <dgm:prSet presAssocID="{A7BA4A3D-74DA-43E8-908A-FBFDA087588C}" presName="linear" presStyleCnt="0">
        <dgm:presLayoutVars>
          <dgm:dir/>
          <dgm:animLvl val="lvl"/>
          <dgm:resizeHandles val="exact"/>
        </dgm:presLayoutVars>
      </dgm:prSet>
      <dgm:spPr/>
    </dgm:pt>
    <dgm:pt modelId="{A4DC0C5E-013C-2E4A-9D5B-B0542BF58CD2}" type="pres">
      <dgm:prSet presAssocID="{E7293B96-7D19-4C70-BCE8-6EA458588481}" presName="parentLin" presStyleCnt="0"/>
      <dgm:spPr/>
    </dgm:pt>
    <dgm:pt modelId="{5BEBF3D4-82DA-EA48-86F4-3EDEA8115D16}" type="pres">
      <dgm:prSet presAssocID="{E7293B96-7D19-4C70-BCE8-6EA458588481}" presName="parentLeftMargin" presStyleLbl="node1" presStyleIdx="0" presStyleCnt="4"/>
      <dgm:spPr/>
    </dgm:pt>
    <dgm:pt modelId="{243F7B7A-8F4E-1343-986D-10BB68955489}" type="pres">
      <dgm:prSet presAssocID="{E7293B96-7D19-4C70-BCE8-6EA458588481}" presName="parentText" presStyleLbl="node1" presStyleIdx="0" presStyleCnt="4">
        <dgm:presLayoutVars>
          <dgm:chMax val="0"/>
          <dgm:bulletEnabled val="1"/>
        </dgm:presLayoutVars>
      </dgm:prSet>
      <dgm:spPr/>
    </dgm:pt>
    <dgm:pt modelId="{A32E4761-5BD1-4245-9293-5F37711F90BA}" type="pres">
      <dgm:prSet presAssocID="{E7293B96-7D19-4C70-BCE8-6EA458588481}" presName="negativeSpace" presStyleCnt="0"/>
      <dgm:spPr/>
    </dgm:pt>
    <dgm:pt modelId="{4D2BE57E-FDCC-D446-8097-EFAB1BD059A3}" type="pres">
      <dgm:prSet presAssocID="{E7293B96-7D19-4C70-BCE8-6EA458588481}" presName="childText" presStyleLbl="conFgAcc1" presStyleIdx="0" presStyleCnt="4">
        <dgm:presLayoutVars>
          <dgm:bulletEnabled val="1"/>
        </dgm:presLayoutVars>
      </dgm:prSet>
      <dgm:spPr/>
    </dgm:pt>
    <dgm:pt modelId="{4E72770D-FEEF-BA4D-AF80-609D8333A4C7}" type="pres">
      <dgm:prSet presAssocID="{7F318B07-0BD3-4F9B-8D28-1458AA3B6CA7}" presName="spaceBetweenRectangles" presStyleCnt="0"/>
      <dgm:spPr/>
    </dgm:pt>
    <dgm:pt modelId="{6BCC6200-9200-0E4A-9D22-BC4F93E46F1C}" type="pres">
      <dgm:prSet presAssocID="{835B9412-071D-5741-A8EB-44C632312424}" presName="parentLin" presStyleCnt="0"/>
      <dgm:spPr/>
    </dgm:pt>
    <dgm:pt modelId="{473D922D-D62C-F742-BC5F-4A1CAAE556A1}" type="pres">
      <dgm:prSet presAssocID="{835B9412-071D-5741-A8EB-44C632312424}" presName="parentLeftMargin" presStyleLbl="node1" presStyleIdx="0" presStyleCnt="4"/>
      <dgm:spPr/>
    </dgm:pt>
    <dgm:pt modelId="{D6220CB8-A9AB-D84B-9FFF-B2A0A65EAC96}" type="pres">
      <dgm:prSet presAssocID="{835B9412-071D-5741-A8EB-44C632312424}" presName="parentText" presStyleLbl="node1" presStyleIdx="1" presStyleCnt="4">
        <dgm:presLayoutVars>
          <dgm:chMax val="0"/>
          <dgm:bulletEnabled val="1"/>
        </dgm:presLayoutVars>
      </dgm:prSet>
      <dgm:spPr/>
    </dgm:pt>
    <dgm:pt modelId="{FF09ADD8-CA37-F14C-974A-792DA1853299}" type="pres">
      <dgm:prSet presAssocID="{835B9412-071D-5741-A8EB-44C632312424}" presName="negativeSpace" presStyleCnt="0"/>
      <dgm:spPr/>
    </dgm:pt>
    <dgm:pt modelId="{8BE99FDE-DB8B-0A4D-BC9F-D6520BB50F74}" type="pres">
      <dgm:prSet presAssocID="{835B9412-071D-5741-A8EB-44C632312424}" presName="childText" presStyleLbl="conFgAcc1" presStyleIdx="1" presStyleCnt="4">
        <dgm:presLayoutVars>
          <dgm:bulletEnabled val="1"/>
        </dgm:presLayoutVars>
      </dgm:prSet>
      <dgm:spPr/>
    </dgm:pt>
    <dgm:pt modelId="{C26F763C-C5B8-0D42-B9FD-810C67F48115}" type="pres">
      <dgm:prSet presAssocID="{6B1DBCC1-7243-0D49-8013-A4ECC2452391}" presName="spaceBetweenRectangles" presStyleCnt="0"/>
      <dgm:spPr/>
    </dgm:pt>
    <dgm:pt modelId="{2274BFAD-53D7-B34E-9425-7FDD226C78C5}" type="pres">
      <dgm:prSet presAssocID="{F987EE72-BE47-1C4B-95FE-D32DD0A57F1F}" presName="parentLin" presStyleCnt="0"/>
      <dgm:spPr/>
    </dgm:pt>
    <dgm:pt modelId="{FBB053D4-BE29-9748-8EB5-724A773364A0}" type="pres">
      <dgm:prSet presAssocID="{F987EE72-BE47-1C4B-95FE-D32DD0A57F1F}" presName="parentLeftMargin" presStyleLbl="node1" presStyleIdx="1" presStyleCnt="4"/>
      <dgm:spPr/>
    </dgm:pt>
    <dgm:pt modelId="{9932DADD-C24F-0247-B100-16F512FDFC28}" type="pres">
      <dgm:prSet presAssocID="{F987EE72-BE47-1C4B-95FE-D32DD0A57F1F}" presName="parentText" presStyleLbl="node1" presStyleIdx="2" presStyleCnt="4">
        <dgm:presLayoutVars>
          <dgm:chMax val="0"/>
          <dgm:bulletEnabled val="1"/>
        </dgm:presLayoutVars>
      </dgm:prSet>
      <dgm:spPr/>
    </dgm:pt>
    <dgm:pt modelId="{710CF5D6-92DA-B947-BAE2-9BF7D10127CE}" type="pres">
      <dgm:prSet presAssocID="{F987EE72-BE47-1C4B-95FE-D32DD0A57F1F}" presName="negativeSpace" presStyleCnt="0"/>
      <dgm:spPr/>
    </dgm:pt>
    <dgm:pt modelId="{FBFABAC2-72A3-F344-8D41-E0AABB87CBDA}" type="pres">
      <dgm:prSet presAssocID="{F987EE72-BE47-1C4B-95FE-D32DD0A57F1F}" presName="childText" presStyleLbl="conFgAcc1" presStyleIdx="2" presStyleCnt="4">
        <dgm:presLayoutVars>
          <dgm:bulletEnabled val="1"/>
        </dgm:presLayoutVars>
      </dgm:prSet>
      <dgm:spPr/>
    </dgm:pt>
    <dgm:pt modelId="{B0CB110C-91FE-7945-AC2C-3E35344C7DF5}" type="pres">
      <dgm:prSet presAssocID="{7DD3D93D-4929-8641-8E33-98516A36C84C}" presName="spaceBetweenRectangles" presStyleCnt="0"/>
      <dgm:spPr/>
    </dgm:pt>
    <dgm:pt modelId="{BC408115-898D-1542-8F45-D46704549A7A}" type="pres">
      <dgm:prSet presAssocID="{D71FA106-9327-0340-8ECF-50EDA2E576FC}" presName="parentLin" presStyleCnt="0"/>
      <dgm:spPr/>
    </dgm:pt>
    <dgm:pt modelId="{CD29AD71-C942-5945-B5E3-FABC48D6D67C}" type="pres">
      <dgm:prSet presAssocID="{D71FA106-9327-0340-8ECF-50EDA2E576FC}" presName="parentLeftMargin" presStyleLbl="node1" presStyleIdx="2" presStyleCnt="4"/>
      <dgm:spPr/>
    </dgm:pt>
    <dgm:pt modelId="{B80DFF59-B946-DF47-8A31-458125D5F30E}" type="pres">
      <dgm:prSet presAssocID="{D71FA106-9327-0340-8ECF-50EDA2E576FC}" presName="parentText" presStyleLbl="node1" presStyleIdx="3" presStyleCnt="4">
        <dgm:presLayoutVars>
          <dgm:chMax val="0"/>
          <dgm:bulletEnabled val="1"/>
        </dgm:presLayoutVars>
      </dgm:prSet>
      <dgm:spPr/>
    </dgm:pt>
    <dgm:pt modelId="{17E805C4-5D4C-934F-8F16-29226F2CAA34}" type="pres">
      <dgm:prSet presAssocID="{D71FA106-9327-0340-8ECF-50EDA2E576FC}" presName="negativeSpace" presStyleCnt="0"/>
      <dgm:spPr/>
    </dgm:pt>
    <dgm:pt modelId="{2F7D0DAD-316D-0C4F-97B0-4464FBC82EF7}" type="pres">
      <dgm:prSet presAssocID="{D71FA106-9327-0340-8ECF-50EDA2E576FC}" presName="childText" presStyleLbl="conFgAcc1" presStyleIdx="3" presStyleCnt="4">
        <dgm:presLayoutVars>
          <dgm:bulletEnabled val="1"/>
        </dgm:presLayoutVars>
      </dgm:prSet>
      <dgm:spPr/>
    </dgm:pt>
  </dgm:ptLst>
  <dgm:cxnLst>
    <dgm:cxn modelId="{8029B113-5450-8748-A050-C40FF3B4FBC6}" srcId="{A7BA4A3D-74DA-43E8-908A-FBFDA087588C}" destId="{835B9412-071D-5741-A8EB-44C632312424}" srcOrd="1" destOrd="0" parTransId="{73F183A3-04ED-9C4D-851B-5DC7D05DF4C4}" sibTransId="{6B1DBCC1-7243-0D49-8013-A4ECC2452391}"/>
    <dgm:cxn modelId="{4C935731-F10E-3E41-B186-A7F689C33F2C}" srcId="{835B9412-071D-5741-A8EB-44C632312424}" destId="{5592B20F-8038-D740-BAF4-60CDA7C75F7B}" srcOrd="1" destOrd="0" parTransId="{77ABE81A-BA62-4E46-81E6-B401268AB3FB}" sibTransId="{F2F00AA6-7305-944F-B00A-254457ADFDD4}"/>
    <dgm:cxn modelId="{E4E01C32-0D12-B740-9340-AF26E6357ABF}" type="presOf" srcId="{A7BA4A3D-74DA-43E8-908A-FBFDA087588C}" destId="{9423D1FD-E98C-8A48-8A15-A1B544F32F7E}" srcOrd="0" destOrd="0" presId="urn:microsoft.com/office/officeart/2005/8/layout/list1"/>
    <dgm:cxn modelId="{06EB983F-FC09-4C25-B41B-7FC675E336AA}" srcId="{A7BA4A3D-74DA-43E8-908A-FBFDA087588C}" destId="{E7293B96-7D19-4C70-BCE8-6EA458588481}" srcOrd="0" destOrd="0" parTransId="{D8FAF0DF-A484-4A85-8491-2200FBB5DCEC}" sibTransId="{7F318B07-0BD3-4F9B-8D28-1458AA3B6CA7}"/>
    <dgm:cxn modelId="{106AA66B-04A7-1046-98AA-9A5DC415B75B}" srcId="{835B9412-071D-5741-A8EB-44C632312424}" destId="{EDC4395F-E01F-1C47-A208-BF6ABB47FD4E}" srcOrd="2" destOrd="0" parTransId="{C9423AC6-ECD8-214F-ADA6-3B5DDFC849AB}" sibTransId="{AC0C4159-3774-784D-96C3-E6D142A85D05}"/>
    <dgm:cxn modelId="{62909971-AE0F-8842-B400-B34ACFC8236B}" type="presOf" srcId="{E7293B96-7D19-4C70-BCE8-6EA458588481}" destId="{5BEBF3D4-82DA-EA48-86F4-3EDEA8115D16}" srcOrd="0" destOrd="0" presId="urn:microsoft.com/office/officeart/2005/8/layout/list1"/>
    <dgm:cxn modelId="{3111B073-E6CF-9A4E-A5DF-8BB46F8023D3}" type="presOf" srcId="{E7293B96-7D19-4C70-BCE8-6EA458588481}" destId="{243F7B7A-8F4E-1343-986D-10BB68955489}" srcOrd="1" destOrd="0" presId="urn:microsoft.com/office/officeart/2005/8/layout/list1"/>
    <dgm:cxn modelId="{47151B77-0364-9B4D-BC7C-90D4DADA0348}" type="presOf" srcId="{66DF43CF-4EA4-3845-BE19-7FD4C6409DCF}" destId="{8BE99FDE-DB8B-0A4D-BC9F-D6520BB50F74}" srcOrd="0" destOrd="3" presId="urn:microsoft.com/office/officeart/2005/8/layout/list1"/>
    <dgm:cxn modelId="{1116407E-7283-BE42-9FF1-701B4E385DC2}" type="presOf" srcId="{D71FA106-9327-0340-8ECF-50EDA2E576FC}" destId="{CD29AD71-C942-5945-B5E3-FABC48D6D67C}" srcOrd="0" destOrd="0" presId="urn:microsoft.com/office/officeart/2005/8/layout/list1"/>
    <dgm:cxn modelId="{62061095-25F9-1445-B2BB-C95B9533A6A7}" type="presOf" srcId="{5592B20F-8038-D740-BAF4-60CDA7C75F7B}" destId="{8BE99FDE-DB8B-0A4D-BC9F-D6520BB50F74}" srcOrd="0" destOrd="1" presId="urn:microsoft.com/office/officeart/2005/8/layout/list1"/>
    <dgm:cxn modelId="{87986F95-E258-6E47-9469-6D8A092CF524}" srcId="{A7BA4A3D-74DA-43E8-908A-FBFDA087588C}" destId="{D71FA106-9327-0340-8ECF-50EDA2E576FC}" srcOrd="3" destOrd="0" parTransId="{86A9011F-AF34-904B-BC23-57FAEFDA177D}" sibTransId="{1E79C461-3BE7-4F46-A400-DB0B591227B3}"/>
    <dgm:cxn modelId="{7FC8C096-0640-6040-9DE0-0DA1DB88A179}" type="presOf" srcId="{D71FA106-9327-0340-8ECF-50EDA2E576FC}" destId="{B80DFF59-B946-DF47-8A31-458125D5F30E}" srcOrd="1" destOrd="0" presId="urn:microsoft.com/office/officeart/2005/8/layout/list1"/>
    <dgm:cxn modelId="{2EB24BBA-3249-9849-8F06-F90AF6FE37E5}" type="presOf" srcId="{EDC4395F-E01F-1C47-A208-BF6ABB47FD4E}" destId="{8BE99FDE-DB8B-0A4D-BC9F-D6520BB50F74}" srcOrd="0" destOrd="2" presId="urn:microsoft.com/office/officeart/2005/8/layout/list1"/>
    <dgm:cxn modelId="{E55E5ECF-271D-A34A-A0BF-1BDB56FF1824}" type="presOf" srcId="{F987EE72-BE47-1C4B-95FE-D32DD0A57F1F}" destId="{FBB053D4-BE29-9748-8EB5-724A773364A0}" srcOrd="0" destOrd="0" presId="urn:microsoft.com/office/officeart/2005/8/layout/list1"/>
    <dgm:cxn modelId="{A3B386D1-735F-3548-AFDC-6D9460B1C8AB}" srcId="{A7BA4A3D-74DA-43E8-908A-FBFDA087588C}" destId="{F987EE72-BE47-1C4B-95FE-D32DD0A57F1F}" srcOrd="2" destOrd="0" parTransId="{44577816-520C-1A40-A4AE-F52485C28C45}" sibTransId="{7DD3D93D-4929-8641-8E33-98516A36C84C}"/>
    <dgm:cxn modelId="{018D06D2-0CB2-1140-89D0-01191EE00683}" type="presOf" srcId="{F987EE72-BE47-1C4B-95FE-D32DD0A57F1F}" destId="{9932DADD-C24F-0247-B100-16F512FDFC28}" srcOrd="1" destOrd="0" presId="urn:microsoft.com/office/officeart/2005/8/layout/list1"/>
    <dgm:cxn modelId="{F9D086D3-EC43-6740-84D5-25D3BF51EC9C}" type="presOf" srcId="{835B9412-071D-5741-A8EB-44C632312424}" destId="{D6220CB8-A9AB-D84B-9FFF-B2A0A65EAC96}" srcOrd="1" destOrd="0" presId="urn:microsoft.com/office/officeart/2005/8/layout/list1"/>
    <dgm:cxn modelId="{759946D4-850A-2F48-986D-B813D9509514}" srcId="{835B9412-071D-5741-A8EB-44C632312424}" destId="{EF31301C-4AC6-9848-8AD7-63EC1EBAE98A}" srcOrd="0" destOrd="0" parTransId="{5F3C5599-1219-1B42-B8E5-C4C89ED9E911}" sibTransId="{D7BE21D6-ACE4-C142-951F-019E1BA472A3}"/>
    <dgm:cxn modelId="{4CE54AE1-8C11-E54F-B42E-8140BAF487BF}" srcId="{835B9412-071D-5741-A8EB-44C632312424}" destId="{66DF43CF-4EA4-3845-BE19-7FD4C6409DCF}" srcOrd="3" destOrd="0" parTransId="{EEDD35EE-CE54-B643-B24C-44B8FDEF1160}" sibTransId="{AFFCCF2F-0DAF-334C-9CFE-32570040B096}"/>
    <dgm:cxn modelId="{2AF645EA-4049-8544-A777-A23B5368A68C}" type="presOf" srcId="{835B9412-071D-5741-A8EB-44C632312424}" destId="{473D922D-D62C-F742-BC5F-4A1CAAE556A1}" srcOrd="0" destOrd="0" presId="urn:microsoft.com/office/officeart/2005/8/layout/list1"/>
    <dgm:cxn modelId="{63B1BAF8-BBFB-6247-B818-C6542185E4A4}" type="presOf" srcId="{EF31301C-4AC6-9848-8AD7-63EC1EBAE98A}" destId="{8BE99FDE-DB8B-0A4D-BC9F-D6520BB50F74}" srcOrd="0" destOrd="0" presId="urn:microsoft.com/office/officeart/2005/8/layout/list1"/>
    <dgm:cxn modelId="{37804849-27E4-1946-A811-55A900ABC892}" type="presParOf" srcId="{9423D1FD-E98C-8A48-8A15-A1B544F32F7E}" destId="{A4DC0C5E-013C-2E4A-9D5B-B0542BF58CD2}" srcOrd="0" destOrd="0" presId="urn:microsoft.com/office/officeart/2005/8/layout/list1"/>
    <dgm:cxn modelId="{87B9B975-80E1-FC4E-ACCA-BCB5B87A044B}" type="presParOf" srcId="{A4DC0C5E-013C-2E4A-9D5B-B0542BF58CD2}" destId="{5BEBF3D4-82DA-EA48-86F4-3EDEA8115D16}" srcOrd="0" destOrd="0" presId="urn:microsoft.com/office/officeart/2005/8/layout/list1"/>
    <dgm:cxn modelId="{23F214EA-1C26-C24B-A679-CB21FA2404A4}" type="presParOf" srcId="{A4DC0C5E-013C-2E4A-9D5B-B0542BF58CD2}" destId="{243F7B7A-8F4E-1343-986D-10BB68955489}" srcOrd="1" destOrd="0" presId="urn:microsoft.com/office/officeart/2005/8/layout/list1"/>
    <dgm:cxn modelId="{A710AF35-CDDC-1543-8320-DC14D523E423}" type="presParOf" srcId="{9423D1FD-E98C-8A48-8A15-A1B544F32F7E}" destId="{A32E4761-5BD1-4245-9293-5F37711F90BA}" srcOrd="1" destOrd="0" presId="urn:microsoft.com/office/officeart/2005/8/layout/list1"/>
    <dgm:cxn modelId="{C1457288-1E11-0B44-B060-963919C17246}" type="presParOf" srcId="{9423D1FD-E98C-8A48-8A15-A1B544F32F7E}" destId="{4D2BE57E-FDCC-D446-8097-EFAB1BD059A3}" srcOrd="2" destOrd="0" presId="urn:microsoft.com/office/officeart/2005/8/layout/list1"/>
    <dgm:cxn modelId="{4AC7BED7-0185-1E49-94AF-3C327D8EB1E4}" type="presParOf" srcId="{9423D1FD-E98C-8A48-8A15-A1B544F32F7E}" destId="{4E72770D-FEEF-BA4D-AF80-609D8333A4C7}" srcOrd="3" destOrd="0" presId="urn:microsoft.com/office/officeart/2005/8/layout/list1"/>
    <dgm:cxn modelId="{D5D67164-8856-6246-B8EB-66ECA89C99B4}" type="presParOf" srcId="{9423D1FD-E98C-8A48-8A15-A1B544F32F7E}" destId="{6BCC6200-9200-0E4A-9D22-BC4F93E46F1C}" srcOrd="4" destOrd="0" presId="urn:microsoft.com/office/officeart/2005/8/layout/list1"/>
    <dgm:cxn modelId="{F2EB7ABC-5B82-B442-9C0C-EA19B6BE4D19}" type="presParOf" srcId="{6BCC6200-9200-0E4A-9D22-BC4F93E46F1C}" destId="{473D922D-D62C-F742-BC5F-4A1CAAE556A1}" srcOrd="0" destOrd="0" presId="urn:microsoft.com/office/officeart/2005/8/layout/list1"/>
    <dgm:cxn modelId="{6AF27B0D-F247-554C-ACE2-614B9636C400}" type="presParOf" srcId="{6BCC6200-9200-0E4A-9D22-BC4F93E46F1C}" destId="{D6220CB8-A9AB-D84B-9FFF-B2A0A65EAC96}" srcOrd="1" destOrd="0" presId="urn:microsoft.com/office/officeart/2005/8/layout/list1"/>
    <dgm:cxn modelId="{A9FEBAF7-7A17-104E-A28E-398BD1F60969}" type="presParOf" srcId="{9423D1FD-E98C-8A48-8A15-A1B544F32F7E}" destId="{FF09ADD8-CA37-F14C-974A-792DA1853299}" srcOrd="5" destOrd="0" presId="urn:microsoft.com/office/officeart/2005/8/layout/list1"/>
    <dgm:cxn modelId="{0E766012-2AE1-814F-93D0-47913E6A2535}" type="presParOf" srcId="{9423D1FD-E98C-8A48-8A15-A1B544F32F7E}" destId="{8BE99FDE-DB8B-0A4D-BC9F-D6520BB50F74}" srcOrd="6" destOrd="0" presId="urn:microsoft.com/office/officeart/2005/8/layout/list1"/>
    <dgm:cxn modelId="{84EE205B-9A75-D24E-8C8A-BDB9C4129153}" type="presParOf" srcId="{9423D1FD-E98C-8A48-8A15-A1B544F32F7E}" destId="{C26F763C-C5B8-0D42-B9FD-810C67F48115}" srcOrd="7" destOrd="0" presId="urn:microsoft.com/office/officeart/2005/8/layout/list1"/>
    <dgm:cxn modelId="{5A0E8665-D706-4B42-A06E-15AC33A3D42E}" type="presParOf" srcId="{9423D1FD-E98C-8A48-8A15-A1B544F32F7E}" destId="{2274BFAD-53D7-B34E-9425-7FDD226C78C5}" srcOrd="8" destOrd="0" presId="urn:microsoft.com/office/officeart/2005/8/layout/list1"/>
    <dgm:cxn modelId="{D4341608-C99A-AC4B-9A96-99B830D15389}" type="presParOf" srcId="{2274BFAD-53D7-B34E-9425-7FDD226C78C5}" destId="{FBB053D4-BE29-9748-8EB5-724A773364A0}" srcOrd="0" destOrd="0" presId="urn:microsoft.com/office/officeart/2005/8/layout/list1"/>
    <dgm:cxn modelId="{729B5BB7-E5F6-0544-807C-FEEDB8F287CC}" type="presParOf" srcId="{2274BFAD-53D7-B34E-9425-7FDD226C78C5}" destId="{9932DADD-C24F-0247-B100-16F512FDFC28}" srcOrd="1" destOrd="0" presId="urn:microsoft.com/office/officeart/2005/8/layout/list1"/>
    <dgm:cxn modelId="{B8C2831C-6482-AE4C-A5D6-6BEDB67DA049}" type="presParOf" srcId="{9423D1FD-E98C-8A48-8A15-A1B544F32F7E}" destId="{710CF5D6-92DA-B947-BAE2-9BF7D10127CE}" srcOrd="9" destOrd="0" presId="urn:microsoft.com/office/officeart/2005/8/layout/list1"/>
    <dgm:cxn modelId="{B6C8D060-BF92-1E4C-AC44-C7A516EFEC48}" type="presParOf" srcId="{9423D1FD-E98C-8A48-8A15-A1B544F32F7E}" destId="{FBFABAC2-72A3-F344-8D41-E0AABB87CBDA}" srcOrd="10" destOrd="0" presId="urn:microsoft.com/office/officeart/2005/8/layout/list1"/>
    <dgm:cxn modelId="{8A3E2188-0AA3-7348-B583-7DD586840498}" type="presParOf" srcId="{9423D1FD-E98C-8A48-8A15-A1B544F32F7E}" destId="{B0CB110C-91FE-7945-AC2C-3E35344C7DF5}" srcOrd="11" destOrd="0" presId="urn:microsoft.com/office/officeart/2005/8/layout/list1"/>
    <dgm:cxn modelId="{C80DE92F-D1F5-904F-BB24-CE12B625AF62}" type="presParOf" srcId="{9423D1FD-E98C-8A48-8A15-A1B544F32F7E}" destId="{BC408115-898D-1542-8F45-D46704549A7A}" srcOrd="12" destOrd="0" presId="urn:microsoft.com/office/officeart/2005/8/layout/list1"/>
    <dgm:cxn modelId="{64D342ED-74F5-4049-819C-48D6C5D131BF}" type="presParOf" srcId="{BC408115-898D-1542-8F45-D46704549A7A}" destId="{CD29AD71-C942-5945-B5E3-FABC48D6D67C}" srcOrd="0" destOrd="0" presId="urn:microsoft.com/office/officeart/2005/8/layout/list1"/>
    <dgm:cxn modelId="{483A5233-FC15-3C41-A506-44B6292EAF22}" type="presParOf" srcId="{BC408115-898D-1542-8F45-D46704549A7A}" destId="{B80DFF59-B946-DF47-8A31-458125D5F30E}" srcOrd="1" destOrd="0" presId="urn:microsoft.com/office/officeart/2005/8/layout/list1"/>
    <dgm:cxn modelId="{EB3B6419-2DC8-6B4C-AC95-15E26A67A356}" type="presParOf" srcId="{9423D1FD-E98C-8A48-8A15-A1B544F32F7E}" destId="{17E805C4-5D4C-934F-8F16-29226F2CAA34}" srcOrd="13" destOrd="0" presId="urn:microsoft.com/office/officeart/2005/8/layout/list1"/>
    <dgm:cxn modelId="{87CC7619-1E8C-ED43-BB6C-2D083582602D}" type="presParOf" srcId="{9423D1FD-E98C-8A48-8A15-A1B544F32F7E}" destId="{2F7D0DAD-316D-0C4F-97B0-4464FBC82EF7}" srcOrd="14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B677FC41-1041-4F49-BFE0-7F40FD6FA9A3}" type="doc">
      <dgm:prSet loTypeId="urn:microsoft.com/office/officeart/2016/7/layout/LinearBlockProcessNumbered" loCatId="process" qsTypeId="urn:microsoft.com/office/officeart/2005/8/quickstyle/simple2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7F04176E-64E7-458F-8F86-26D58BE2B02E}">
      <dgm:prSet/>
      <dgm:spPr/>
      <dgm:t>
        <a:bodyPr/>
        <a:lstStyle/>
        <a:p>
          <a:r>
            <a:rPr lang="en-US" dirty="0"/>
            <a:t>Document main outcome from task #1 and task #2 in a PowerPoint</a:t>
          </a:r>
        </a:p>
      </dgm:t>
    </dgm:pt>
    <dgm:pt modelId="{D13BE6AD-D2CA-4A1B-8116-03FA2556DAAB}" type="parTrans" cxnId="{CF9A5663-7DCF-4E6B-AE37-0E3189818617}">
      <dgm:prSet/>
      <dgm:spPr/>
      <dgm:t>
        <a:bodyPr/>
        <a:lstStyle/>
        <a:p>
          <a:endParaRPr lang="en-US"/>
        </a:p>
      </dgm:t>
    </dgm:pt>
    <dgm:pt modelId="{BB222C3E-FDDC-41BC-9794-6F0D58E15537}" type="sibTrans" cxnId="{CF9A5663-7DCF-4E6B-AE37-0E3189818617}">
      <dgm:prSet phldrT="01" phldr="0"/>
      <dgm:spPr/>
      <dgm:t>
        <a:bodyPr/>
        <a:lstStyle/>
        <a:p>
          <a:r>
            <a:rPr lang="en-US"/>
            <a:t>01</a:t>
          </a:r>
        </a:p>
      </dgm:t>
    </dgm:pt>
    <dgm:pt modelId="{6FB64835-EEA2-400D-9351-622A94020878}">
      <dgm:prSet/>
      <dgm:spPr/>
      <dgm:t>
        <a:bodyPr/>
        <a:lstStyle/>
        <a:p>
          <a:r>
            <a:rPr lang="en-US"/>
            <a:t>i.e. A short description of your system, your mission statement and a selection of views including the design rationale </a:t>
          </a:r>
        </a:p>
      </dgm:t>
    </dgm:pt>
    <dgm:pt modelId="{B4067F69-C622-4974-BEC8-C4002AB948D0}" type="parTrans" cxnId="{C53AB0AF-ACF7-4E98-9314-85657E854562}">
      <dgm:prSet/>
      <dgm:spPr/>
      <dgm:t>
        <a:bodyPr/>
        <a:lstStyle/>
        <a:p>
          <a:endParaRPr lang="en-US"/>
        </a:p>
      </dgm:t>
    </dgm:pt>
    <dgm:pt modelId="{55F055A3-6815-49BD-A791-36F67E66FEF0}" type="sibTrans" cxnId="{C53AB0AF-ACF7-4E98-9314-85657E854562}">
      <dgm:prSet/>
      <dgm:spPr/>
      <dgm:t>
        <a:bodyPr/>
        <a:lstStyle/>
        <a:p>
          <a:endParaRPr lang="en-US"/>
        </a:p>
      </dgm:t>
    </dgm:pt>
    <dgm:pt modelId="{EA2CEE57-6969-431B-9C5F-045B0C06877E}">
      <dgm:prSet/>
      <dgm:spPr/>
      <dgm:t>
        <a:bodyPr/>
        <a:lstStyle/>
        <a:p>
          <a:r>
            <a:rPr lang="en-US" dirty="0"/>
            <a:t>Upload the PowerPoint to ItsLearning</a:t>
          </a:r>
        </a:p>
        <a:p>
          <a:r>
            <a:rPr lang="en-US" dirty="0"/>
            <a:t>Deadline: Sunday the 12.02.2023 at 23:59</a:t>
          </a:r>
        </a:p>
      </dgm:t>
    </dgm:pt>
    <dgm:pt modelId="{EB6C4F25-A4F9-43DC-8ADC-6503C1FBB49C}" type="parTrans" cxnId="{50DFC21B-117B-4AE3-8E61-29E1A933B01F}">
      <dgm:prSet/>
      <dgm:spPr/>
      <dgm:t>
        <a:bodyPr/>
        <a:lstStyle/>
        <a:p>
          <a:endParaRPr lang="en-US"/>
        </a:p>
      </dgm:t>
    </dgm:pt>
    <dgm:pt modelId="{AEC7C611-38F4-4AD7-9E5B-523BE72EE60F}" type="sibTrans" cxnId="{50DFC21B-117B-4AE3-8E61-29E1A933B01F}">
      <dgm:prSet phldrT="02" phldr="0"/>
      <dgm:spPr/>
      <dgm:t>
        <a:bodyPr/>
        <a:lstStyle/>
        <a:p>
          <a:r>
            <a:rPr lang="en-US"/>
            <a:t>02</a:t>
          </a:r>
        </a:p>
      </dgm:t>
    </dgm:pt>
    <dgm:pt modelId="{94CF3D11-ACD8-4E94-B83E-CA062ADE4744}">
      <dgm:prSet/>
      <dgm:spPr/>
      <dgm:t>
        <a:bodyPr/>
        <a:lstStyle/>
        <a:p>
          <a:pPr>
            <a:buNone/>
          </a:pPr>
          <a:r>
            <a:rPr lang="en-US"/>
            <a:t>Give feedback to another group using the feedback criteria on ItsLearning. </a:t>
          </a:r>
        </a:p>
      </dgm:t>
    </dgm:pt>
    <dgm:pt modelId="{32A08784-ACA9-4D26-8157-5B5AF6867B09}" type="parTrans" cxnId="{71C521C9-E49E-48CA-BDD7-8450C94AFF09}">
      <dgm:prSet/>
      <dgm:spPr/>
      <dgm:t>
        <a:bodyPr/>
        <a:lstStyle/>
        <a:p>
          <a:endParaRPr lang="en-US"/>
        </a:p>
      </dgm:t>
    </dgm:pt>
    <dgm:pt modelId="{004D3DC8-ED94-4C51-B925-548D434A013D}" type="sibTrans" cxnId="{71C521C9-E49E-48CA-BDD7-8450C94AFF09}">
      <dgm:prSet phldrT="03" phldr="0"/>
      <dgm:spPr/>
      <dgm:t>
        <a:bodyPr/>
        <a:lstStyle/>
        <a:p>
          <a:r>
            <a:rPr lang="en-US"/>
            <a:t>03</a:t>
          </a:r>
        </a:p>
      </dgm:t>
    </dgm:pt>
    <dgm:pt modelId="{5D5D3B45-5F32-4CCF-B76E-CA3AA063071B}">
      <dgm:prSet/>
      <dgm:spPr/>
      <dgm:t>
        <a:bodyPr/>
        <a:lstStyle/>
        <a:p>
          <a:r>
            <a:rPr lang="en-US" dirty="0"/>
            <a:t>(To give feedback, open the PowerPoint of the other group, create a new slide, and insert your feedback)</a:t>
          </a:r>
        </a:p>
      </dgm:t>
    </dgm:pt>
    <dgm:pt modelId="{D213D96F-8128-4958-B038-A6BAA26F1BD2}" type="parTrans" cxnId="{65BDA4BC-BACB-4C50-AC9C-34217885A903}">
      <dgm:prSet/>
      <dgm:spPr/>
      <dgm:t>
        <a:bodyPr/>
        <a:lstStyle/>
        <a:p>
          <a:endParaRPr lang="en-US"/>
        </a:p>
      </dgm:t>
    </dgm:pt>
    <dgm:pt modelId="{6E3F6BD6-7B55-40A7-A19F-A0884490389A}" type="sibTrans" cxnId="{65BDA4BC-BACB-4C50-AC9C-34217885A903}">
      <dgm:prSet/>
      <dgm:spPr/>
      <dgm:t>
        <a:bodyPr/>
        <a:lstStyle/>
        <a:p>
          <a:endParaRPr lang="en-US"/>
        </a:p>
      </dgm:t>
    </dgm:pt>
    <dgm:pt modelId="{16896AF4-68CF-C448-91EE-DD1D1582E85F}">
      <dgm:prSet/>
      <dgm:spPr/>
      <dgm:t>
        <a:bodyPr/>
        <a:lstStyle/>
        <a:p>
          <a:pPr>
            <a:buNone/>
          </a:pPr>
          <a:r>
            <a:rPr lang="en-US" dirty="0"/>
            <a:t>Deadline: Tuesday the 14.02.2023</a:t>
          </a:r>
        </a:p>
      </dgm:t>
    </dgm:pt>
    <dgm:pt modelId="{F6BE8D97-E0FD-7049-858A-2FD9272A6DBF}" type="parTrans" cxnId="{93E12A6C-4156-FB45-A953-86801669CC37}">
      <dgm:prSet/>
      <dgm:spPr/>
      <dgm:t>
        <a:bodyPr/>
        <a:lstStyle/>
        <a:p>
          <a:endParaRPr lang="en-GB"/>
        </a:p>
      </dgm:t>
    </dgm:pt>
    <dgm:pt modelId="{81BEDD1A-90BE-F241-BD3F-6DD66863B064}" type="sibTrans" cxnId="{93E12A6C-4156-FB45-A953-86801669CC37}">
      <dgm:prSet/>
      <dgm:spPr/>
      <dgm:t>
        <a:bodyPr/>
        <a:lstStyle/>
        <a:p>
          <a:endParaRPr lang="en-GB"/>
        </a:p>
      </dgm:t>
    </dgm:pt>
    <dgm:pt modelId="{4BE44AB8-CD1C-3B4D-AC19-194D54FB9282}">
      <dgm:prSet/>
      <dgm:spPr/>
      <dgm:t>
        <a:bodyPr/>
        <a:lstStyle/>
        <a:p>
          <a:pPr>
            <a:buNone/>
          </a:pPr>
          <a:r>
            <a:rPr lang="en-US" dirty="0"/>
            <a:t>at 12:00</a:t>
          </a:r>
        </a:p>
      </dgm:t>
    </dgm:pt>
    <dgm:pt modelId="{80EA8FB5-12B7-C644-9534-833C6D4730C4}" type="parTrans" cxnId="{929D5769-1F8D-9543-9B45-F4D7B41292C7}">
      <dgm:prSet/>
      <dgm:spPr/>
      <dgm:t>
        <a:bodyPr/>
        <a:lstStyle/>
        <a:p>
          <a:endParaRPr lang="en-GB"/>
        </a:p>
      </dgm:t>
    </dgm:pt>
    <dgm:pt modelId="{54C6084D-311C-794E-B8ED-161C6B860B22}" type="sibTrans" cxnId="{929D5769-1F8D-9543-9B45-F4D7B41292C7}">
      <dgm:prSet/>
      <dgm:spPr/>
      <dgm:t>
        <a:bodyPr/>
        <a:lstStyle/>
        <a:p>
          <a:endParaRPr lang="en-GB"/>
        </a:p>
      </dgm:t>
    </dgm:pt>
    <dgm:pt modelId="{F0AF3780-FC4A-D941-8ACA-E7BA0BB12880}" type="pres">
      <dgm:prSet presAssocID="{B677FC41-1041-4F49-BFE0-7F40FD6FA9A3}" presName="Name0" presStyleCnt="0">
        <dgm:presLayoutVars>
          <dgm:animLvl val="lvl"/>
          <dgm:resizeHandles val="exact"/>
        </dgm:presLayoutVars>
      </dgm:prSet>
      <dgm:spPr/>
    </dgm:pt>
    <dgm:pt modelId="{49063AB8-6753-2943-9118-0AB1A95A435E}" type="pres">
      <dgm:prSet presAssocID="{7F04176E-64E7-458F-8F86-26D58BE2B02E}" presName="compositeNode" presStyleCnt="0">
        <dgm:presLayoutVars>
          <dgm:bulletEnabled val="1"/>
        </dgm:presLayoutVars>
      </dgm:prSet>
      <dgm:spPr/>
    </dgm:pt>
    <dgm:pt modelId="{206EF247-7A71-BB48-91E5-C5BE1AFAC29D}" type="pres">
      <dgm:prSet presAssocID="{7F04176E-64E7-458F-8F86-26D58BE2B02E}" presName="bgRect" presStyleLbl="alignNode1" presStyleIdx="0" presStyleCnt="3"/>
      <dgm:spPr/>
    </dgm:pt>
    <dgm:pt modelId="{9704A2B4-F9A7-FC47-88C4-27720B558268}" type="pres">
      <dgm:prSet presAssocID="{BB222C3E-FDDC-41BC-9794-6F0D58E15537}" presName="sibTransNodeRect" presStyleLbl="alignNode1" presStyleIdx="0" presStyleCnt="3">
        <dgm:presLayoutVars>
          <dgm:chMax val="0"/>
          <dgm:bulletEnabled val="1"/>
        </dgm:presLayoutVars>
      </dgm:prSet>
      <dgm:spPr/>
    </dgm:pt>
    <dgm:pt modelId="{69D7E8C4-4379-9C42-9340-AC9AC3ECA4D8}" type="pres">
      <dgm:prSet presAssocID="{7F04176E-64E7-458F-8F86-26D58BE2B02E}" presName="nodeRect" presStyleLbl="alignNode1" presStyleIdx="0" presStyleCnt="3">
        <dgm:presLayoutVars>
          <dgm:bulletEnabled val="1"/>
        </dgm:presLayoutVars>
      </dgm:prSet>
      <dgm:spPr/>
    </dgm:pt>
    <dgm:pt modelId="{ADADE816-93C3-D84D-B421-17A68A3B8D1D}" type="pres">
      <dgm:prSet presAssocID="{BB222C3E-FDDC-41BC-9794-6F0D58E15537}" presName="sibTrans" presStyleCnt="0"/>
      <dgm:spPr/>
    </dgm:pt>
    <dgm:pt modelId="{07A5D27C-2AE4-BE4A-B08C-E6EBC4598724}" type="pres">
      <dgm:prSet presAssocID="{EA2CEE57-6969-431B-9C5F-045B0C06877E}" presName="compositeNode" presStyleCnt="0">
        <dgm:presLayoutVars>
          <dgm:bulletEnabled val="1"/>
        </dgm:presLayoutVars>
      </dgm:prSet>
      <dgm:spPr/>
    </dgm:pt>
    <dgm:pt modelId="{5C80A499-E232-104E-8124-DB79A76B8A40}" type="pres">
      <dgm:prSet presAssocID="{EA2CEE57-6969-431B-9C5F-045B0C06877E}" presName="bgRect" presStyleLbl="alignNode1" presStyleIdx="1" presStyleCnt="3"/>
      <dgm:spPr/>
    </dgm:pt>
    <dgm:pt modelId="{52E8D58F-CCEE-0B4E-A7D3-1637C63BB66D}" type="pres">
      <dgm:prSet presAssocID="{AEC7C611-38F4-4AD7-9E5B-523BE72EE60F}" presName="sibTransNodeRect" presStyleLbl="alignNode1" presStyleIdx="1" presStyleCnt="3">
        <dgm:presLayoutVars>
          <dgm:chMax val="0"/>
          <dgm:bulletEnabled val="1"/>
        </dgm:presLayoutVars>
      </dgm:prSet>
      <dgm:spPr/>
    </dgm:pt>
    <dgm:pt modelId="{84B3D27C-374F-2A45-8EC7-8F1D0BCAA3C3}" type="pres">
      <dgm:prSet presAssocID="{EA2CEE57-6969-431B-9C5F-045B0C06877E}" presName="nodeRect" presStyleLbl="alignNode1" presStyleIdx="1" presStyleCnt="3">
        <dgm:presLayoutVars>
          <dgm:bulletEnabled val="1"/>
        </dgm:presLayoutVars>
      </dgm:prSet>
      <dgm:spPr/>
    </dgm:pt>
    <dgm:pt modelId="{345F8D7C-9DF3-884F-9CDC-C3FDDF2B3BE5}" type="pres">
      <dgm:prSet presAssocID="{AEC7C611-38F4-4AD7-9E5B-523BE72EE60F}" presName="sibTrans" presStyleCnt="0"/>
      <dgm:spPr/>
    </dgm:pt>
    <dgm:pt modelId="{0CDDBE78-D56C-0E41-B2E6-1DADB23D601D}" type="pres">
      <dgm:prSet presAssocID="{94CF3D11-ACD8-4E94-B83E-CA062ADE4744}" presName="compositeNode" presStyleCnt="0">
        <dgm:presLayoutVars>
          <dgm:bulletEnabled val="1"/>
        </dgm:presLayoutVars>
      </dgm:prSet>
      <dgm:spPr/>
    </dgm:pt>
    <dgm:pt modelId="{331538F3-533B-744E-BBEB-980157D5BE85}" type="pres">
      <dgm:prSet presAssocID="{94CF3D11-ACD8-4E94-B83E-CA062ADE4744}" presName="bgRect" presStyleLbl="alignNode1" presStyleIdx="2" presStyleCnt="3"/>
      <dgm:spPr/>
    </dgm:pt>
    <dgm:pt modelId="{958696C8-44F7-0841-9CEB-6A98BE2FB57A}" type="pres">
      <dgm:prSet presAssocID="{004D3DC8-ED94-4C51-B925-548D434A013D}" presName="sibTransNodeRect" presStyleLbl="alignNode1" presStyleIdx="2" presStyleCnt="3">
        <dgm:presLayoutVars>
          <dgm:chMax val="0"/>
          <dgm:bulletEnabled val="1"/>
        </dgm:presLayoutVars>
      </dgm:prSet>
      <dgm:spPr/>
    </dgm:pt>
    <dgm:pt modelId="{EF5E6647-7BD1-D841-B6D4-C9F8C84E3D4A}" type="pres">
      <dgm:prSet presAssocID="{94CF3D11-ACD8-4E94-B83E-CA062ADE4744}" presName="nodeRect" presStyleLbl="alignNode1" presStyleIdx="2" presStyleCnt="3">
        <dgm:presLayoutVars>
          <dgm:bulletEnabled val="1"/>
        </dgm:presLayoutVars>
      </dgm:prSet>
      <dgm:spPr/>
    </dgm:pt>
  </dgm:ptLst>
  <dgm:cxnLst>
    <dgm:cxn modelId="{50DFC21B-117B-4AE3-8E61-29E1A933B01F}" srcId="{B677FC41-1041-4F49-BFE0-7F40FD6FA9A3}" destId="{EA2CEE57-6969-431B-9C5F-045B0C06877E}" srcOrd="1" destOrd="0" parTransId="{EB6C4F25-A4F9-43DC-8ADC-6503C1FBB49C}" sibTransId="{AEC7C611-38F4-4AD7-9E5B-523BE72EE60F}"/>
    <dgm:cxn modelId="{C0B9F934-554B-AE41-ACFE-1C252CC802C4}" type="presOf" srcId="{004D3DC8-ED94-4C51-B925-548D434A013D}" destId="{958696C8-44F7-0841-9CEB-6A98BE2FB57A}" srcOrd="0" destOrd="0" presId="urn:microsoft.com/office/officeart/2016/7/layout/LinearBlockProcessNumbered"/>
    <dgm:cxn modelId="{4EB5E438-E524-2D4C-A71D-9B58E259DD52}" type="presOf" srcId="{5D5D3B45-5F32-4CCF-B76E-CA3AA063071B}" destId="{EF5E6647-7BD1-D841-B6D4-C9F8C84E3D4A}" srcOrd="0" destOrd="1" presId="urn:microsoft.com/office/officeart/2016/7/layout/LinearBlockProcessNumbered"/>
    <dgm:cxn modelId="{C178033B-4289-6540-A3EB-7E19EFB94169}" type="presOf" srcId="{6FB64835-EEA2-400D-9351-622A94020878}" destId="{69D7E8C4-4379-9C42-9340-AC9AC3ECA4D8}" srcOrd="0" destOrd="1" presId="urn:microsoft.com/office/officeart/2016/7/layout/LinearBlockProcessNumbered"/>
    <dgm:cxn modelId="{FC795D3D-925C-3648-89F6-104E58383CBF}" type="presOf" srcId="{94CF3D11-ACD8-4E94-B83E-CA062ADE4744}" destId="{331538F3-533B-744E-BBEB-980157D5BE85}" srcOrd="0" destOrd="0" presId="urn:microsoft.com/office/officeart/2016/7/layout/LinearBlockProcessNumbered"/>
    <dgm:cxn modelId="{8DDEDF5C-332F-944F-BD4B-1B500E81369E}" type="presOf" srcId="{7F04176E-64E7-458F-8F86-26D58BE2B02E}" destId="{69D7E8C4-4379-9C42-9340-AC9AC3ECA4D8}" srcOrd="1" destOrd="0" presId="urn:microsoft.com/office/officeart/2016/7/layout/LinearBlockProcessNumbered"/>
    <dgm:cxn modelId="{CF9A5663-7DCF-4E6B-AE37-0E3189818617}" srcId="{B677FC41-1041-4F49-BFE0-7F40FD6FA9A3}" destId="{7F04176E-64E7-458F-8F86-26D58BE2B02E}" srcOrd="0" destOrd="0" parTransId="{D13BE6AD-D2CA-4A1B-8116-03FA2556DAAB}" sibTransId="{BB222C3E-FDDC-41BC-9794-6F0D58E15537}"/>
    <dgm:cxn modelId="{929D5769-1F8D-9543-9B45-F4D7B41292C7}" srcId="{94CF3D11-ACD8-4E94-B83E-CA062ADE4744}" destId="{4BE44AB8-CD1C-3B4D-AC19-194D54FB9282}" srcOrd="2" destOrd="0" parTransId="{80EA8FB5-12B7-C644-9534-833C6D4730C4}" sibTransId="{54C6084D-311C-794E-B8ED-161C6B860B22}"/>
    <dgm:cxn modelId="{93E12A6C-4156-FB45-A953-86801669CC37}" srcId="{94CF3D11-ACD8-4E94-B83E-CA062ADE4744}" destId="{16896AF4-68CF-C448-91EE-DD1D1582E85F}" srcOrd="1" destOrd="0" parTransId="{F6BE8D97-E0FD-7049-858A-2FD9272A6DBF}" sibTransId="{81BEDD1A-90BE-F241-BD3F-6DD66863B064}"/>
    <dgm:cxn modelId="{F38B8979-DD1F-494F-BBF3-66EDD3681077}" type="presOf" srcId="{7F04176E-64E7-458F-8F86-26D58BE2B02E}" destId="{206EF247-7A71-BB48-91E5-C5BE1AFAC29D}" srcOrd="0" destOrd="0" presId="urn:microsoft.com/office/officeart/2016/7/layout/LinearBlockProcessNumbered"/>
    <dgm:cxn modelId="{5FDC4583-A445-2A48-8E84-C0B99DA3AC9B}" type="presOf" srcId="{AEC7C611-38F4-4AD7-9E5B-523BE72EE60F}" destId="{52E8D58F-CCEE-0B4E-A7D3-1637C63BB66D}" srcOrd="0" destOrd="0" presId="urn:microsoft.com/office/officeart/2016/7/layout/LinearBlockProcessNumbered"/>
    <dgm:cxn modelId="{7084408F-E74A-3142-94F9-DB34F1C87569}" type="presOf" srcId="{16896AF4-68CF-C448-91EE-DD1D1582E85F}" destId="{EF5E6647-7BD1-D841-B6D4-C9F8C84E3D4A}" srcOrd="0" destOrd="2" presId="urn:microsoft.com/office/officeart/2016/7/layout/LinearBlockProcessNumbered"/>
    <dgm:cxn modelId="{1BCECD95-B9F0-9548-BF7B-4B4DCA31132F}" type="presOf" srcId="{EA2CEE57-6969-431B-9C5F-045B0C06877E}" destId="{84B3D27C-374F-2A45-8EC7-8F1D0BCAA3C3}" srcOrd="1" destOrd="0" presId="urn:microsoft.com/office/officeart/2016/7/layout/LinearBlockProcessNumbered"/>
    <dgm:cxn modelId="{BB999798-4DFB-3742-88B6-3F745E5961F9}" type="presOf" srcId="{EA2CEE57-6969-431B-9C5F-045B0C06877E}" destId="{5C80A499-E232-104E-8124-DB79A76B8A40}" srcOrd="0" destOrd="0" presId="urn:microsoft.com/office/officeart/2016/7/layout/LinearBlockProcessNumbered"/>
    <dgm:cxn modelId="{47B81C9F-FA00-6B48-92F9-8D991B5FE7FB}" type="presOf" srcId="{94CF3D11-ACD8-4E94-B83E-CA062ADE4744}" destId="{EF5E6647-7BD1-D841-B6D4-C9F8C84E3D4A}" srcOrd="1" destOrd="0" presId="urn:microsoft.com/office/officeart/2016/7/layout/LinearBlockProcessNumbered"/>
    <dgm:cxn modelId="{1FB698AE-26C9-EA44-9498-99E1E3D7E07E}" type="presOf" srcId="{B677FC41-1041-4F49-BFE0-7F40FD6FA9A3}" destId="{F0AF3780-FC4A-D941-8ACA-E7BA0BB12880}" srcOrd="0" destOrd="0" presId="urn:microsoft.com/office/officeart/2016/7/layout/LinearBlockProcessNumbered"/>
    <dgm:cxn modelId="{C53AB0AF-ACF7-4E98-9314-85657E854562}" srcId="{7F04176E-64E7-458F-8F86-26D58BE2B02E}" destId="{6FB64835-EEA2-400D-9351-622A94020878}" srcOrd="0" destOrd="0" parTransId="{B4067F69-C622-4974-BEC8-C4002AB948D0}" sibTransId="{55F055A3-6815-49BD-A791-36F67E66FEF0}"/>
    <dgm:cxn modelId="{0C590DB6-4BA7-D047-AB46-7F937E063D68}" type="presOf" srcId="{BB222C3E-FDDC-41BC-9794-6F0D58E15537}" destId="{9704A2B4-F9A7-FC47-88C4-27720B558268}" srcOrd="0" destOrd="0" presId="urn:microsoft.com/office/officeart/2016/7/layout/LinearBlockProcessNumbered"/>
    <dgm:cxn modelId="{65BDA4BC-BACB-4C50-AC9C-34217885A903}" srcId="{94CF3D11-ACD8-4E94-B83E-CA062ADE4744}" destId="{5D5D3B45-5F32-4CCF-B76E-CA3AA063071B}" srcOrd="0" destOrd="0" parTransId="{D213D96F-8128-4958-B038-A6BAA26F1BD2}" sibTransId="{6E3F6BD6-7B55-40A7-A19F-A0884490389A}"/>
    <dgm:cxn modelId="{71C521C9-E49E-48CA-BDD7-8450C94AFF09}" srcId="{B677FC41-1041-4F49-BFE0-7F40FD6FA9A3}" destId="{94CF3D11-ACD8-4E94-B83E-CA062ADE4744}" srcOrd="2" destOrd="0" parTransId="{32A08784-ACA9-4D26-8157-5B5AF6867B09}" sibTransId="{004D3DC8-ED94-4C51-B925-548D434A013D}"/>
    <dgm:cxn modelId="{56449AFB-6263-0342-8810-8E8525160523}" type="presOf" srcId="{4BE44AB8-CD1C-3B4D-AC19-194D54FB9282}" destId="{EF5E6647-7BD1-D841-B6D4-C9F8C84E3D4A}" srcOrd="0" destOrd="3" presId="urn:microsoft.com/office/officeart/2016/7/layout/LinearBlockProcessNumbered"/>
    <dgm:cxn modelId="{F647277D-873F-7642-872E-FD0954864B31}" type="presParOf" srcId="{F0AF3780-FC4A-D941-8ACA-E7BA0BB12880}" destId="{49063AB8-6753-2943-9118-0AB1A95A435E}" srcOrd="0" destOrd="0" presId="urn:microsoft.com/office/officeart/2016/7/layout/LinearBlockProcessNumbered"/>
    <dgm:cxn modelId="{46CA8632-A940-554A-9DBE-31A5D80B9858}" type="presParOf" srcId="{49063AB8-6753-2943-9118-0AB1A95A435E}" destId="{206EF247-7A71-BB48-91E5-C5BE1AFAC29D}" srcOrd="0" destOrd="0" presId="urn:microsoft.com/office/officeart/2016/7/layout/LinearBlockProcessNumbered"/>
    <dgm:cxn modelId="{5797474C-706D-D043-BA91-3BF3110403D5}" type="presParOf" srcId="{49063AB8-6753-2943-9118-0AB1A95A435E}" destId="{9704A2B4-F9A7-FC47-88C4-27720B558268}" srcOrd="1" destOrd="0" presId="urn:microsoft.com/office/officeart/2016/7/layout/LinearBlockProcessNumbered"/>
    <dgm:cxn modelId="{B6205BF9-67D4-5B42-AA10-D2E71B9A4500}" type="presParOf" srcId="{49063AB8-6753-2943-9118-0AB1A95A435E}" destId="{69D7E8C4-4379-9C42-9340-AC9AC3ECA4D8}" srcOrd="2" destOrd="0" presId="urn:microsoft.com/office/officeart/2016/7/layout/LinearBlockProcessNumbered"/>
    <dgm:cxn modelId="{58C8CC3A-BBCB-F342-A4F4-713BB49E0C25}" type="presParOf" srcId="{F0AF3780-FC4A-D941-8ACA-E7BA0BB12880}" destId="{ADADE816-93C3-D84D-B421-17A68A3B8D1D}" srcOrd="1" destOrd="0" presId="urn:microsoft.com/office/officeart/2016/7/layout/LinearBlockProcessNumbered"/>
    <dgm:cxn modelId="{2C62D1C5-5B7B-A54F-8FDD-75B1E5DF9BCF}" type="presParOf" srcId="{F0AF3780-FC4A-D941-8ACA-E7BA0BB12880}" destId="{07A5D27C-2AE4-BE4A-B08C-E6EBC4598724}" srcOrd="2" destOrd="0" presId="urn:microsoft.com/office/officeart/2016/7/layout/LinearBlockProcessNumbered"/>
    <dgm:cxn modelId="{C0D0CFB5-8B17-8A42-89BA-1DCBC678C304}" type="presParOf" srcId="{07A5D27C-2AE4-BE4A-B08C-E6EBC4598724}" destId="{5C80A499-E232-104E-8124-DB79A76B8A40}" srcOrd="0" destOrd="0" presId="urn:microsoft.com/office/officeart/2016/7/layout/LinearBlockProcessNumbered"/>
    <dgm:cxn modelId="{A90B01DB-58C5-7041-B46C-EF186B1134C9}" type="presParOf" srcId="{07A5D27C-2AE4-BE4A-B08C-E6EBC4598724}" destId="{52E8D58F-CCEE-0B4E-A7D3-1637C63BB66D}" srcOrd="1" destOrd="0" presId="urn:microsoft.com/office/officeart/2016/7/layout/LinearBlockProcessNumbered"/>
    <dgm:cxn modelId="{368DE574-3CEC-9544-AB85-13D6FD8CFA46}" type="presParOf" srcId="{07A5D27C-2AE4-BE4A-B08C-E6EBC4598724}" destId="{84B3D27C-374F-2A45-8EC7-8F1D0BCAA3C3}" srcOrd="2" destOrd="0" presId="urn:microsoft.com/office/officeart/2016/7/layout/LinearBlockProcessNumbered"/>
    <dgm:cxn modelId="{10E3346C-BC4C-5741-8D3B-2BCA09537280}" type="presParOf" srcId="{F0AF3780-FC4A-D941-8ACA-E7BA0BB12880}" destId="{345F8D7C-9DF3-884F-9CDC-C3FDDF2B3BE5}" srcOrd="3" destOrd="0" presId="urn:microsoft.com/office/officeart/2016/7/layout/LinearBlockProcessNumbered"/>
    <dgm:cxn modelId="{9A6766B2-6621-4B40-8080-0C87B1A64D5E}" type="presParOf" srcId="{F0AF3780-FC4A-D941-8ACA-E7BA0BB12880}" destId="{0CDDBE78-D56C-0E41-B2E6-1DADB23D601D}" srcOrd="4" destOrd="0" presId="urn:microsoft.com/office/officeart/2016/7/layout/LinearBlockProcessNumbered"/>
    <dgm:cxn modelId="{4120D250-A2A1-B446-81C4-53955FA9663A}" type="presParOf" srcId="{0CDDBE78-D56C-0E41-B2E6-1DADB23D601D}" destId="{331538F3-533B-744E-BBEB-980157D5BE85}" srcOrd="0" destOrd="0" presId="urn:microsoft.com/office/officeart/2016/7/layout/LinearBlockProcessNumbered"/>
    <dgm:cxn modelId="{55A70492-0032-C74A-AED4-DE5BC39A9A29}" type="presParOf" srcId="{0CDDBE78-D56C-0E41-B2E6-1DADB23D601D}" destId="{958696C8-44F7-0841-9CEB-6A98BE2FB57A}" srcOrd="1" destOrd="0" presId="urn:microsoft.com/office/officeart/2016/7/layout/LinearBlockProcessNumbered"/>
    <dgm:cxn modelId="{83C2A94A-0336-3946-8713-8590697D179E}" type="presParOf" srcId="{0CDDBE78-D56C-0E41-B2E6-1DADB23D601D}" destId="{EF5E6647-7BD1-D841-B6D4-C9F8C84E3D4A}" srcOrd="2" destOrd="0" presId="urn:microsoft.com/office/officeart/2016/7/layout/LinearBlockProcessNumbered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D216082-FFED-4B3A-AD53-76BF64AACE94}">
      <dsp:nvSpPr>
        <dsp:cNvPr id="0" name=""/>
        <dsp:cNvSpPr/>
      </dsp:nvSpPr>
      <dsp:spPr>
        <a:xfrm>
          <a:off x="0" y="626090"/>
          <a:ext cx="10952580" cy="1155858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50FEC9DE-EB3A-4224-A487-5ABC85E04EF3}">
      <dsp:nvSpPr>
        <dsp:cNvPr id="0" name=""/>
        <dsp:cNvSpPr/>
      </dsp:nvSpPr>
      <dsp:spPr>
        <a:xfrm>
          <a:off x="349647" y="886158"/>
          <a:ext cx="635722" cy="635722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C5E20FD-6B43-4D2C-95C3-9A871A70DA5B}">
      <dsp:nvSpPr>
        <dsp:cNvPr id="0" name=""/>
        <dsp:cNvSpPr/>
      </dsp:nvSpPr>
      <dsp:spPr>
        <a:xfrm>
          <a:off x="1335016" y="626090"/>
          <a:ext cx="9617563" cy="115585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2328" tIns="122328" rIns="122328" bIns="122328" numCol="1" spcCol="1270" anchor="ctr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2100" kern="1200"/>
            <a:t>A Pattern!</a:t>
          </a:r>
          <a:endParaRPr lang="en-US" sz="2100" kern="1200"/>
        </a:p>
      </dsp:txBody>
      <dsp:txXfrm>
        <a:off x="1335016" y="626090"/>
        <a:ext cx="9617563" cy="1155858"/>
      </dsp:txXfrm>
    </dsp:sp>
    <dsp:sp modelId="{F3CB8E9D-EDDE-4655-B645-A53FA9E3E41A}">
      <dsp:nvSpPr>
        <dsp:cNvPr id="0" name=""/>
        <dsp:cNvSpPr/>
      </dsp:nvSpPr>
      <dsp:spPr>
        <a:xfrm>
          <a:off x="0" y="2070913"/>
          <a:ext cx="10952580" cy="1155858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9A2F289-CA4C-42CC-B9A4-934347E25EF2}">
      <dsp:nvSpPr>
        <dsp:cNvPr id="0" name=""/>
        <dsp:cNvSpPr/>
      </dsp:nvSpPr>
      <dsp:spPr>
        <a:xfrm>
          <a:off x="349647" y="2330981"/>
          <a:ext cx="635722" cy="635722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5FC9FA6-D417-44D1-8B39-EDB828F3998B}">
      <dsp:nvSpPr>
        <dsp:cNvPr id="0" name=""/>
        <dsp:cNvSpPr/>
      </dsp:nvSpPr>
      <dsp:spPr>
        <a:xfrm>
          <a:off x="1335016" y="2070913"/>
          <a:ext cx="4928661" cy="115585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2328" tIns="122328" rIns="122328" bIns="122328" numCol="1" spcCol="1270" anchor="ctr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2100" kern="1200" dirty="0"/>
            <a:t>The publish subscribe pattern implemented in Kafka (Apache Kafka)</a:t>
          </a:r>
          <a:endParaRPr lang="en-US" sz="2100" kern="1200" dirty="0"/>
        </a:p>
      </dsp:txBody>
      <dsp:txXfrm>
        <a:off x="1335016" y="2070913"/>
        <a:ext cx="4928661" cy="1155858"/>
      </dsp:txXfrm>
    </dsp:sp>
    <dsp:sp modelId="{D6272175-F293-45B9-93AE-1F79D876BA68}">
      <dsp:nvSpPr>
        <dsp:cNvPr id="0" name=""/>
        <dsp:cNvSpPr/>
      </dsp:nvSpPr>
      <dsp:spPr>
        <a:xfrm>
          <a:off x="6263677" y="2070913"/>
          <a:ext cx="4688902" cy="115585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2328" tIns="122328" rIns="122328" bIns="122328" numCol="1" spcCol="1270" anchor="ctr" anchorCtr="0">
          <a:noAutofit/>
        </a:bodyPr>
        <a:lstStyle/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200" kern="1200"/>
            <a:t>What is the publish subscribe pattern?</a:t>
          </a:r>
          <a:endParaRPr lang="en-US" sz="1200" kern="1200"/>
        </a:p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200" kern="1200" dirty="0"/>
            <a:t>What is Kafka?</a:t>
          </a:r>
          <a:endParaRPr lang="en-US" sz="1200" kern="1200" dirty="0"/>
        </a:p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200" kern="1200" dirty="0"/>
            <a:t>How is this related to this Course?</a:t>
          </a:r>
          <a:endParaRPr lang="en-US" sz="1200" kern="1200" dirty="0"/>
        </a:p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200" kern="1200"/>
            <a:t>Exercises! Whop whop</a:t>
          </a:r>
          <a:endParaRPr lang="en-US" sz="1200" kern="1200"/>
        </a:p>
      </dsp:txBody>
      <dsp:txXfrm>
        <a:off x="6263677" y="2070913"/>
        <a:ext cx="4688902" cy="1155858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5730D5B-0137-E24B-A2DA-160BC7AF8B79}">
      <dsp:nvSpPr>
        <dsp:cNvPr id="0" name=""/>
        <dsp:cNvSpPr/>
      </dsp:nvSpPr>
      <dsp:spPr>
        <a:xfrm>
          <a:off x="0" y="327580"/>
          <a:ext cx="10952580" cy="4284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1AC559F0-45A2-874D-914B-D3C657C14E1C}">
      <dsp:nvSpPr>
        <dsp:cNvPr id="0" name=""/>
        <dsp:cNvSpPr/>
      </dsp:nvSpPr>
      <dsp:spPr>
        <a:xfrm>
          <a:off x="547629" y="76660"/>
          <a:ext cx="7666806" cy="50184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700" kern="1200"/>
            <a:t>Download the zip folder provided on ItsLearning</a:t>
          </a:r>
          <a:endParaRPr lang="en-US" sz="1700" kern="1200"/>
        </a:p>
      </dsp:txBody>
      <dsp:txXfrm>
        <a:off x="572127" y="101158"/>
        <a:ext cx="7617810" cy="452844"/>
      </dsp:txXfrm>
    </dsp:sp>
    <dsp:sp modelId="{E57AFE8F-383F-784A-AB59-481632DE2357}">
      <dsp:nvSpPr>
        <dsp:cNvPr id="0" name=""/>
        <dsp:cNvSpPr/>
      </dsp:nvSpPr>
      <dsp:spPr>
        <a:xfrm>
          <a:off x="0" y="1098700"/>
          <a:ext cx="10952580" cy="26775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0042" tIns="354076" rIns="850042" bIns="120904" numCol="1" spcCol="1270" anchor="t" anchorCtr="0">
          <a:noAutofit/>
        </a:bodyPr>
        <a:lstStyle/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A </a:t>
          </a:r>
          <a:r>
            <a:rPr lang="en-DK" sz="1700" b="1" kern="1200"/>
            <a:t>readme.md </a:t>
          </a:r>
          <a:r>
            <a:rPr lang="en-DK" sz="1700" kern="1200"/>
            <a:t>file, shortly describing the exercises and relevant commands</a:t>
          </a:r>
          <a:endParaRPr lang="en-US" sz="1700" kern="1200"/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A </a:t>
          </a:r>
          <a:r>
            <a:rPr lang="en-DK" sz="1700" b="1" kern="1200"/>
            <a:t>docker-compose.yml</a:t>
          </a:r>
          <a:r>
            <a:rPr lang="en-DK" sz="1700" kern="1200"/>
            <a:t> file which will start three Kafka brokers and a kafka ui tool (Kowl)</a:t>
          </a:r>
          <a:endParaRPr lang="en-US" sz="1700" kern="1200"/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700" kern="1200"/>
            <a:t>A</a:t>
          </a:r>
          <a:r>
            <a:rPr lang="en-DK" sz="1700" kern="1200"/>
            <a:t> </a:t>
          </a:r>
          <a:r>
            <a:rPr lang="en-DK" sz="1700" b="1" kern="1200"/>
            <a:t>.env </a:t>
          </a:r>
          <a:r>
            <a:rPr lang="en-DK" sz="1700" kern="1200"/>
            <a:t>file, where you can insert your ip address (</a:t>
          </a:r>
          <a:r>
            <a:rPr lang="en-DK" sz="1700" b="1" kern="1200"/>
            <a:t>only required if you want to use an external kafka client </a:t>
          </a:r>
          <a:r>
            <a:rPr lang="en-DK" sz="1700" kern="1200"/>
            <a:t>- not used in this exercise, but if you need it in future tasks)</a:t>
          </a:r>
          <a:endParaRPr lang="en-US" sz="1700" kern="1200"/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Four folders, each containing the relevant code to interact with the kafka brokers.</a:t>
          </a:r>
          <a:endParaRPr lang="en-US" sz="1700" kern="1200"/>
        </a:p>
        <a:p>
          <a:pPr marL="342900" lvl="2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Two folders are for </a:t>
          </a:r>
          <a:r>
            <a:rPr lang="en-DK" sz="1700" b="1" kern="1200"/>
            <a:t>dotnet</a:t>
          </a:r>
          <a:r>
            <a:rPr lang="en-DK" sz="1700" kern="1200"/>
            <a:t>, each either a consumer or a producer, including dockerfiles to dockerize the client</a:t>
          </a:r>
          <a:endParaRPr lang="en-US" sz="1700" kern="1200"/>
        </a:p>
        <a:p>
          <a:pPr marL="342900" lvl="2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Two folders are for </a:t>
          </a:r>
          <a:r>
            <a:rPr lang="en-DK" sz="1700" b="1" kern="1200"/>
            <a:t>python</a:t>
          </a:r>
          <a:r>
            <a:rPr lang="en-DK" sz="1700" kern="1200"/>
            <a:t>, each either a consumer or a producer, including dockerfiles to dockerize the client</a:t>
          </a:r>
          <a:endParaRPr lang="en-US" sz="1700" kern="1200"/>
        </a:p>
      </dsp:txBody>
      <dsp:txXfrm>
        <a:off x="0" y="1098700"/>
        <a:ext cx="10952580" cy="2677500"/>
      </dsp:txXfrm>
    </dsp:sp>
    <dsp:sp modelId="{93CEAFB5-A0A6-E343-A4F5-39E2864ACC9A}">
      <dsp:nvSpPr>
        <dsp:cNvPr id="0" name=""/>
        <dsp:cNvSpPr/>
      </dsp:nvSpPr>
      <dsp:spPr>
        <a:xfrm>
          <a:off x="547629" y="847780"/>
          <a:ext cx="7666806" cy="50184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700" kern="1200"/>
            <a:t>Examine the contents! It contains:</a:t>
          </a:r>
          <a:endParaRPr lang="en-US" sz="1700" kern="1200"/>
        </a:p>
      </dsp:txBody>
      <dsp:txXfrm>
        <a:off x="572127" y="872278"/>
        <a:ext cx="7617810" cy="452844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D8E6E1A-E0B2-4255-991B-E3054D990D8C}">
      <dsp:nvSpPr>
        <dsp:cNvPr id="0" name=""/>
        <dsp:cNvSpPr/>
      </dsp:nvSpPr>
      <dsp:spPr>
        <a:xfrm>
          <a:off x="0" y="1246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81DE807-3D7C-44A0-BE81-FFCA0D059F55}">
      <dsp:nvSpPr>
        <dsp:cNvPr id="0" name=""/>
        <dsp:cNvSpPr/>
      </dsp:nvSpPr>
      <dsp:spPr>
        <a:xfrm>
          <a:off x="160653" y="120740"/>
          <a:ext cx="292096" cy="292096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8F59EDB-84D1-4137-9ED2-D361BCC39398}">
      <dsp:nvSpPr>
        <dsp:cNvPr id="0" name=""/>
        <dsp:cNvSpPr/>
      </dsp:nvSpPr>
      <dsp:spPr>
        <a:xfrm>
          <a:off x="613403" y="1246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/>
            <a:t>To start the Kafka cluster, open the folder “exercises_lecture02” in a terminal of your choice</a:t>
          </a:r>
          <a:endParaRPr lang="en-US" sz="1900" kern="1200"/>
        </a:p>
      </dsp:txBody>
      <dsp:txXfrm>
        <a:off x="613403" y="1246"/>
        <a:ext cx="10339176" cy="531085"/>
      </dsp:txXfrm>
    </dsp:sp>
    <dsp:sp modelId="{FCBAC81D-0732-4ACA-879E-34499447BBBF}">
      <dsp:nvSpPr>
        <dsp:cNvPr id="0" name=""/>
        <dsp:cNvSpPr/>
      </dsp:nvSpPr>
      <dsp:spPr>
        <a:xfrm>
          <a:off x="0" y="665103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67EBD211-73E8-44E6-AF70-47E1915B3770}">
      <dsp:nvSpPr>
        <dsp:cNvPr id="0" name=""/>
        <dsp:cNvSpPr/>
      </dsp:nvSpPr>
      <dsp:spPr>
        <a:xfrm>
          <a:off x="160653" y="784597"/>
          <a:ext cx="292096" cy="292096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D78B231-12FA-4394-8A96-42FD9516088B}">
      <dsp:nvSpPr>
        <dsp:cNvPr id="0" name=""/>
        <dsp:cNvSpPr/>
      </dsp:nvSpPr>
      <dsp:spPr>
        <a:xfrm>
          <a:off x="613403" y="665103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/>
            <a:t>Use the 'docker-compose up' command to start the Kafka cluster and the Kafka UI</a:t>
          </a:r>
          <a:endParaRPr lang="en-US" sz="1900" kern="1200"/>
        </a:p>
      </dsp:txBody>
      <dsp:txXfrm>
        <a:off x="613403" y="665103"/>
        <a:ext cx="10339176" cy="531085"/>
      </dsp:txXfrm>
    </dsp:sp>
    <dsp:sp modelId="{A168BE8B-5784-42E5-8C5F-A07492157180}">
      <dsp:nvSpPr>
        <dsp:cNvPr id="0" name=""/>
        <dsp:cNvSpPr/>
      </dsp:nvSpPr>
      <dsp:spPr>
        <a:xfrm>
          <a:off x="0" y="1328959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13E5BD4-611A-4C93-8AD1-CD8D295EE3D8}">
      <dsp:nvSpPr>
        <dsp:cNvPr id="0" name=""/>
        <dsp:cNvSpPr/>
      </dsp:nvSpPr>
      <dsp:spPr>
        <a:xfrm>
          <a:off x="160653" y="1448454"/>
          <a:ext cx="292096" cy="292096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940120-A5CA-477F-8FA8-09177D1CFBA6}">
      <dsp:nvSpPr>
        <dsp:cNvPr id="0" name=""/>
        <dsp:cNvSpPr/>
      </dsp:nvSpPr>
      <dsp:spPr>
        <a:xfrm>
          <a:off x="613403" y="1328959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/>
            <a:t>This should start all kafka nodes and your cluster should be up and running, way to go!</a:t>
          </a:r>
          <a:endParaRPr lang="en-US" sz="1900" kern="1200"/>
        </a:p>
      </dsp:txBody>
      <dsp:txXfrm>
        <a:off x="613403" y="1328959"/>
        <a:ext cx="10339176" cy="531085"/>
      </dsp:txXfrm>
    </dsp:sp>
    <dsp:sp modelId="{7A7F4592-C810-4CD5-A238-4F3024A03874}">
      <dsp:nvSpPr>
        <dsp:cNvPr id="0" name=""/>
        <dsp:cNvSpPr/>
      </dsp:nvSpPr>
      <dsp:spPr>
        <a:xfrm>
          <a:off x="0" y="1992816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A46B5197-A705-42F1-AF31-72F3466DA930}">
      <dsp:nvSpPr>
        <dsp:cNvPr id="0" name=""/>
        <dsp:cNvSpPr/>
      </dsp:nvSpPr>
      <dsp:spPr>
        <a:xfrm>
          <a:off x="160653" y="2112310"/>
          <a:ext cx="292096" cy="292096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D920C28-21C6-4CD8-9053-E3FDEF593D7C}">
      <dsp:nvSpPr>
        <dsp:cNvPr id="0" name=""/>
        <dsp:cNvSpPr/>
      </dsp:nvSpPr>
      <dsp:spPr>
        <a:xfrm>
          <a:off x="613403" y="1992816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 dirty="0"/>
            <a:t>Try to visit 'localhost:8088' to view a Kafka UI</a:t>
          </a:r>
          <a:endParaRPr lang="en-US" sz="1900" kern="1200" dirty="0"/>
        </a:p>
      </dsp:txBody>
      <dsp:txXfrm>
        <a:off x="613403" y="1992816"/>
        <a:ext cx="10339176" cy="531085"/>
      </dsp:txXfrm>
    </dsp:sp>
    <dsp:sp modelId="{236E6EDA-02B0-41C1-BEA4-5474A76AB945}">
      <dsp:nvSpPr>
        <dsp:cNvPr id="0" name=""/>
        <dsp:cNvSpPr/>
      </dsp:nvSpPr>
      <dsp:spPr>
        <a:xfrm>
          <a:off x="0" y="2656673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189103FD-CC53-4AD9-9350-551584FC29A6}">
      <dsp:nvSpPr>
        <dsp:cNvPr id="0" name=""/>
        <dsp:cNvSpPr/>
      </dsp:nvSpPr>
      <dsp:spPr>
        <a:xfrm>
          <a:off x="160653" y="2776167"/>
          <a:ext cx="292096" cy="292096"/>
        </a:xfrm>
        <a:prstGeom prst="rect">
          <a:avLst/>
        </a:prstGeom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AF3FE52-C2D6-456C-A47E-BC99B2D756B8}">
      <dsp:nvSpPr>
        <dsp:cNvPr id="0" name=""/>
        <dsp:cNvSpPr/>
      </dsp:nvSpPr>
      <dsp:spPr>
        <a:xfrm>
          <a:off x="613403" y="2656673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/>
            <a:t>Try to create a topic</a:t>
          </a:r>
          <a:endParaRPr lang="en-US" sz="1900" kern="1200"/>
        </a:p>
      </dsp:txBody>
      <dsp:txXfrm>
        <a:off x="613403" y="2656673"/>
        <a:ext cx="10339176" cy="531085"/>
      </dsp:txXfrm>
    </dsp:sp>
    <dsp:sp modelId="{EBDE8AFE-6862-4627-9990-3DEEC76C693D}">
      <dsp:nvSpPr>
        <dsp:cNvPr id="0" name=""/>
        <dsp:cNvSpPr/>
      </dsp:nvSpPr>
      <dsp:spPr>
        <a:xfrm>
          <a:off x="0" y="3320530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9B817B7-502F-4B21-97F0-0A2B1D2C9AEF}">
      <dsp:nvSpPr>
        <dsp:cNvPr id="0" name=""/>
        <dsp:cNvSpPr/>
      </dsp:nvSpPr>
      <dsp:spPr>
        <a:xfrm>
          <a:off x="160653" y="3440024"/>
          <a:ext cx="292096" cy="292096"/>
        </a:xfrm>
        <a:prstGeom prst="rect">
          <a:avLst/>
        </a:prstGeom>
        <a:blipFill>
          <a:blip xmlns:r="http://schemas.openxmlformats.org/officeDocument/2006/relationships"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E1127A4A-0BB4-4809-B9B0-0707EDCABB6E}">
      <dsp:nvSpPr>
        <dsp:cNvPr id="0" name=""/>
        <dsp:cNvSpPr/>
      </dsp:nvSpPr>
      <dsp:spPr>
        <a:xfrm>
          <a:off x="613403" y="3320530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 dirty="0"/>
            <a:t>Try to send a message to the topic</a:t>
          </a:r>
          <a:endParaRPr lang="en-US" sz="1900" kern="1200" dirty="0"/>
        </a:p>
      </dsp:txBody>
      <dsp:txXfrm>
        <a:off x="613403" y="3320530"/>
        <a:ext cx="10339176" cy="531085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7EF635A-0B30-DD45-BB90-70036E8BC9B6}">
      <dsp:nvSpPr>
        <dsp:cNvPr id="0" name=""/>
        <dsp:cNvSpPr/>
      </dsp:nvSpPr>
      <dsp:spPr>
        <a:xfrm>
          <a:off x="0" y="290230"/>
          <a:ext cx="10952580" cy="161595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0042" tIns="374904" rIns="850042" bIns="128016" numCol="1" spcCol="1270" anchor="t" anchorCtr="0">
          <a:noAutofit/>
        </a:bodyPr>
        <a:lstStyle/>
        <a:p>
          <a:pPr marL="171450" lvl="1" indent="-171450" algn="l" defTabSz="800100">
            <a:lnSpc>
              <a:spcPct val="10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800" kern="1200"/>
            <a:t>It can be a system from earlier projects that you want to develop further, or a system you want to develop. </a:t>
          </a:r>
          <a:endParaRPr lang="en-US" sz="1800" kern="1200"/>
        </a:p>
        <a:p>
          <a:pPr marL="171450" lvl="1" indent="-171450" algn="l" defTabSz="800100">
            <a:lnSpc>
              <a:spcPct val="10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800" kern="1200"/>
            <a:t>The main point is to have a basis for working with the architectural concepts in future exercises not develop a fully functional system.</a:t>
          </a:r>
          <a:endParaRPr lang="en-US" sz="1800" kern="1200"/>
        </a:p>
      </dsp:txBody>
      <dsp:txXfrm>
        <a:off x="0" y="290230"/>
        <a:ext cx="10952580" cy="1615950"/>
      </dsp:txXfrm>
    </dsp:sp>
    <dsp:sp modelId="{4C18F63B-51B7-C941-87A4-B4F52E84E253}">
      <dsp:nvSpPr>
        <dsp:cNvPr id="0" name=""/>
        <dsp:cNvSpPr/>
      </dsp:nvSpPr>
      <dsp:spPr>
        <a:xfrm>
          <a:off x="547629" y="24550"/>
          <a:ext cx="7666806" cy="53136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kern="1200" dirty="0"/>
            <a:t>Select a system as a foundation for architecture practicing. </a:t>
          </a:r>
          <a:endParaRPr lang="en-US" sz="1800" kern="1200" dirty="0"/>
        </a:p>
      </dsp:txBody>
      <dsp:txXfrm>
        <a:off x="573568" y="50489"/>
        <a:ext cx="7614928" cy="479482"/>
      </dsp:txXfrm>
    </dsp:sp>
    <dsp:sp modelId="{B6246A29-E1E5-534A-B0AA-C337896FD399}">
      <dsp:nvSpPr>
        <dsp:cNvPr id="0" name=""/>
        <dsp:cNvSpPr/>
      </dsp:nvSpPr>
      <dsp:spPr>
        <a:xfrm>
          <a:off x="0" y="2269060"/>
          <a:ext cx="10952580" cy="155925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0042" tIns="374904" rIns="850042" bIns="128016" numCol="1" spcCol="1270" anchor="t" anchorCtr="0">
          <a:noAutofit/>
        </a:bodyPr>
        <a:lstStyle/>
        <a:p>
          <a:pPr marL="171450" lvl="1" indent="-171450" algn="l" defTabSz="800100">
            <a:lnSpc>
              <a:spcPct val="10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800" kern="1200" dirty="0"/>
            <a:t>Made up example: “</a:t>
          </a:r>
          <a:r>
            <a:rPr lang="en-GB" sz="1800" b="0" i="0" u="none" kern="1200" dirty="0"/>
            <a:t>Our mission is to revolutionize the way people track satellites. With our software system, anyone with a smartphone can effortlessly point their camera to the sky and receive real-time information about the satellites in their view. We aim to make space exploration accessible and fascinating for all.</a:t>
          </a:r>
          <a:r>
            <a:rPr lang="en-GB" sz="1800" kern="1200" dirty="0"/>
            <a:t>”  </a:t>
          </a:r>
          <a:endParaRPr lang="en-US" sz="1800" kern="1200" dirty="0"/>
        </a:p>
      </dsp:txBody>
      <dsp:txXfrm>
        <a:off x="0" y="2269060"/>
        <a:ext cx="10952580" cy="1559250"/>
      </dsp:txXfrm>
    </dsp:sp>
    <dsp:sp modelId="{46A36141-8839-344D-8F8B-846FA2E3052C}">
      <dsp:nvSpPr>
        <dsp:cNvPr id="0" name=""/>
        <dsp:cNvSpPr/>
      </dsp:nvSpPr>
      <dsp:spPr>
        <a:xfrm>
          <a:off x="547629" y="2003380"/>
          <a:ext cx="7666806" cy="53136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kern="1200" dirty="0"/>
            <a:t>Shortly describe the mission of the system in a couple of sentences.</a:t>
          </a:r>
          <a:endParaRPr lang="en-US" sz="1800" kern="1200" dirty="0"/>
        </a:p>
      </dsp:txBody>
      <dsp:txXfrm>
        <a:off x="573568" y="2029319"/>
        <a:ext cx="7614928" cy="479482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D2BE57E-FDCC-D446-8097-EFAB1BD059A3}">
      <dsp:nvSpPr>
        <dsp:cNvPr id="0" name=""/>
        <dsp:cNvSpPr/>
      </dsp:nvSpPr>
      <dsp:spPr>
        <a:xfrm>
          <a:off x="0" y="499493"/>
          <a:ext cx="10952580" cy="378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43F7B7A-8F4E-1343-986D-10BB68955489}">
      <dsp:nvSpPr>
        <dsp:cNvPr id="0" name=""/>
        <dsp:cNvSpPr/>
      </dsp:nvSpPr>
      <dsp:spPr>
        <a:xfrm>
          <a:off x="547629" y="278093"/>
          <a:ext cx="7666806" cy="442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 dirty="0"/>
            <a:t>Give your understanding of documenting the software architecture of the chosen system. </a:t>
          </a:r>
          <a:endParaRPr lang="en-US" sz="1500" kern="1200" dirty="0"/>
        </a:p>
      </dsp:txBody>
      <dsp:txXfrm>
        <a:off x="569245" y="299709"/>
        <a:ext cx="7623574" cy="399568"/>
      </dsp:txXfrm>
    </dsp:sp>
    <dsp:sp modelId="{8BE99FDE-DB8B-0A4D-BC9F-D6520BB50F74}">
      <dsp:nvSpPr>
        <dsp:cNvPr id="0" name=""/>
        <dsp:cNvSpPr/>
      </dsp:nvSpPr>
      <dsp:spPr>
        <a:xfrm>
          <a:off x="0" y="1179893"/>
          <a:ext cx="10952580" cy="1323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0042" tIns="312420" rIns="850042" bIns="106680" numCol="1" spcCol="1270" anchor="t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500" kern="1200"/>
            <a:t>A module view </a:t>
          </a:r>
          <a:endParaRPr lang="en-GB" sz="1500" kern="1200" dirty="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500" kern="1200"/>
            <a:t>A component and connector view, </a:t>
          </a:r>
          <a:endParaRPr lang="en-GB" sz="1500" kern="1200" dirty="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500" kern="1200"/>
            <a:t>An allocation view</a:t>
          </a:r>
          <a:endParaRPr lang="en-GB" sz="1500" kern="1200" dirty="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500" kern="1200" dirty="0"/>
            <a:t>Other notations are also allowed. </a:t>
          </a:r>
        </a:p>
      </dsp:txBody>
      <dsp:txXfrm>
        <a:off x="0" y="1179893"/>
        <a:ext cx="10952580" cy="1323000"/>
      </dsp:txXfrm>
    </dsp:sp>
    <dsp:sp modelId="{D6220CB8-A9AB-D84B-9FFF-B2A0A65EAC96}">
      <dsp:nvSpPr>
        <dsp:cNvPr id="0" name=""/>
        <dsp:cNvSpPr/>
      </dsp:nvSpPr>
      <dsp:spPr>
        <a:xfrm>
          <a:off x="547629" y="958493"/>
          <a:ext cx="7666806" cy="442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 dirty="0"/>
            <a:t>The documentation should at least contain: </a:t>
          </a:r>
        </a:p>
      </dsp:txBody>
      <dsp:txXfrm>
        <a:off x="569245" y="980109"/>
        <a:ext cx="7623574" cy="399568"/>
      </dsp:txXfrm>
    </dsp:sp>
    <dsp:sp modelId="{FBFABAC2-72A3-F344-8D41-E0AABB87CBDA}">
      <dsp:nvSpPr>
        <dsp:cNvPr id="0" name=""/>
        <dsp:cNvSpPr/>
      </dsp:nvSpPr>
      <dsp:spPr>
        <a:xfrm>
          <a:off x="0" y="2805293"/>
          <a:ext cx="10952580" cy="378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9932DADD-C24F-0247-B100-16F512FDFC28}">
      <dsp:nvSpPr>
        <dsp:cNvPr id="0" name=""/>
        <dsp:cNvSpPr/>
      </dsp:nvSpPr>
      <dsp:spPr>
        <a:xfrm>
          <a:off x="547629" y="2583893"/>
          <a:ext cx="7666806" cy="442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 dirty="0"/>
            <a:t>To each view, provide a short description of the design rationale.</a:t>
          </a:r>
        </a:p>
      </dsp:txBody>
      <dsp:txXfrm>
        <a:off x="569245" y="2605509"/>
        <a:ext cx="7623574" cy="399568"/>
      </dsp:txXfrm>
    </dsp:sp>
    <dsp:sp modelId="{2F7D0DAD-316D-0C4F-97B0-4464FBC82EF7}">
      <dsp:nvSpPr>
        <dsp:cNvPr id="0" name=""/>
        <dsp:cNvSpPr/>
      </dsp:nvSpPr>
      <dsp:spPr>
        <a:xfrm>
          <a:off x="0" y="3485693"/>
          <a:ext cx="10952580" cy="378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80DFF59-B946-DF47-8A31-458125D5F30E}">
      <dsp:nvSpPr>
        <dsp:cNvPr id="0" name=""/>
        <dsp:cNvSpPr/>
      </dsp:nvSpPr>
      <dsp:spPr>
        <a:xfrm>
          <a:off x="547629" y="3264293"/>
          <a:ext cx="7666806" cy="442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/>
            <a:t>Remember to keep the architectural documentation at a sufficient abstraction level such that details that don’t impact the essential design decisions are omitted. </a:t>
          </a:r>
          <a:endParaRPr lang="en-DK" sz="1500" kern="1200" dirty="0"/>
        </a:p>
      </dsp:txBody>
      <dsp:txXfrm>
        <a:off x="569245" y="3285909"/>
        <a:ext cx="7623574" cy="399568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06EF247-7A71-BB48-91E5-C5BE1AFAC29D}">
      <dsp:nvSpPr>
        <dsp:cNvPr id="0" name=""/>
        <dsp:cNvSpPr/>
      </dsp:nvSpPr>
      <dsp:spPr>
        <a:xfrm>
          <a:off x="855" y="0"/>
          <a:ext cx="3465464" cy="3852862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0" rIns="342311" bIns="33020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Document main outcome from task #1 and task #2 in a PowerPoint</a:t>
          </a:r>
        </a:p>
        <a:p>
          <a:pPr marL="114300" lvl="1" indent="-114300" algn="l" defTabSz="6223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400" kern="1200"/>
            <a:t>i.e. A short description of your system, your mission statement and a selection of views including the design rationale </a:t>
          </a:r>
        </a:p>
      </dsp:txBody>
      <dsp:txXfrm>
        <a:off x="855" y="1541144"/>
        <a:ext cx="3465464" cy="2311717"/>
      </dsp:txXfrm>
    </dsp:sp>
    <dsp:sp modelId="{9704A2B4-F9A7-FC47-88C4-27720B558268}">
      <dsp:nvSpPr>
        <dsp:cNvPr id="0" name=""/>
        <dsp:cNvSpPr/>
      </dsp:nvSpPr>
      <dsp:spPr>
        <a:xfrm>
          <a:off x="855" y="0"/>
          <a:ext cx="3465464" cy="1541144"/>
        </a:xfrm>
        <a:prstGeom prst="rect">
          <a:avLst/>
        </a:prstGeom>
        <a:noFill/>
        <a:ln w="12700" cap="flat" cmpd="sng" algn="ctr">
          <a:noFill/>
          <a:prstDash val="solid"/>
          <a:miter lim="800000"/>
        </a:ln>
        <a:effectLst/>
        <a:sp3d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165100" rIns="342311" bIns="165100" numCol="1" spcCol="1270" anchor="ctr" anchorCtr="0">
          <a:noAutofit/>
        </a:bodyPr>
        <a:lstStyle/>
        <a:p>
          <a:pPr marL="0" lvl="0" indent="0" algn="l" defTabSz="2933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600" kern="1200"/>
            <a:t>01</a:t>
          </a:r>
        </a:p>
      </dsp:txBody>
      <dsp:txXfrm>
        <a:off x="855" y="0"/>
        <a:ext cx="3465464" cy="1541144"/>
      </dsp:txXfrm>
    </dsp:sp>
    <dsp:sp modelId="{5C80A499-E232-104E-8124-DB79A76B8A40}">
      <dsp:nvSpPr>
        <dsp:cNvPr id="0" name=""/>
        <dsp:cNvSpPr/>
      </dsp:nvSpPr>
      <dsp:spPr>
        <a:xfrm>
          <a:off x="3743557" y="0"/>
          <a:ext cx="3465464" cy="3852862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0" rIns="342311" bIns="33020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Upload the PowerPoint to ItsLearning</a:t>
          </a:r>
        </a:p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Deadline: Sunday the 12.02.2023 at 23:59</a:t>
          </a:r>
        </a:p>
      </dsp:txBody>
      <dsp:txXfrm>
        <a:off x="3743557" y="1541144"/>
        <a:ext cx="3465464" cy="2311717"/>
      </dsp:txXfrm>
    </dsp:sp>
    <dsp:sp modelId="{52E8D58F-CCEE-0B4E-A7D3-1637C63BB66D}">
      <dsp:nvSpPr>
        <dsp:cNvPr id="0" name=""/>
        <dsp:cNvSpPr/>
      </dsp:nvSpPr>
      <dsp:spPr>
        <a:xfrm>
          <a:off x="3743557" y="0"/>
          <a:ext cx="3465464" cy="1541144"/>
        </a:xfrm>
        <a:prstGeom prst="rect">
          <a:avLst/>
        </a:prstGeom>
        <a:noFill/>
        <a:ln w="12700" cap="flat" cmpd="sng" algn="ctr">
          <a:noFill/>
          <a:prstDash val="solid"/>
          <a:miter lim="800000"/>
        </a:ln>
        <a:effectLst/>
        <a:sp3d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165100" rIns="342311" bIns="165100" numCol="1" spcCol="1270" anchor="ctr" anchorCtr="0">
          <a:noAutofit/>
        </a:bodyPr>
        <a:lstStyle/>
        <a:p>
          <a:pPr marL="0" lvl="0" indent="0" algn="l" defTabSz="2933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600" kern="1200"/>
            <a:t>02</a:t>
          </a:r>
        </a:p>
      </dsp:txBody>
      <dsp:txXfrm>
        <a:off x="3743557" y="0"/>
        <a:ext cx="3465464" cy="1541144"/>
      </dsp:txXfrm>
    </dsp:sp>
    <dsp:sp modelId="{331538F3-533B-744E-BBEB-980157D5BE85}">
      <dsp:nvSpPr>
        <dsp:cNvPr id="0" name=""/>
        <dsp:cNvSpPr/>
      </dsp:nvSpPr>
      <dsp:spPr>
        <a:xfrm>
          <a:off x="7486259" y="0"/>
          <a:ext cx="3465464" cy="3852862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0" rIns="342311" bIns="33020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/>
            <a:t>Give feedback to another group using the feedback criteria on ItsLearning. </a:t>
          </a:r>
        </a:p>
        <a:p>
          <a:pPr marL="114300" lvl="1" indent="-114300" algn="l" defTabSz="6223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400" kern="1200" dirty="0"/>
            <a:t>(To give feedback, open the PowerPoint of the other group, create a new slide, and insert your feedback)</a:t>
          </a:r>
        </a:p>
        <a:p>
          <a:pPr marL="114300" lvl="1" indent="-114300" algn="l" defTabSz="622300">
            <a:lnSpc>
              <a:spcPct val="90000"/>
            </a:lnSpc>
            <a:spcBef>
              <a:spcPct val="0"/>
            </a:spcBef>
            <a:spcAft>
              <a:spcPct val="15000"/>
            </a:spcAft>
            <a:buNone/>
          </a:pPr>
          <a:r>
            <a:rPr lang="en-US" sz="1400" kern="1200" dirty="0"/>
            <a:t>Deadline: Tuesday the 14.02.2023</a:t>
          </a:r>
        </a:p>
        <a:p>
          <a:pPr marL="114300" lvl="1" indent="-114300" algn="l" defTabSz="622300">
            <a:lnSpc>
              <a:spcPct val="90000"/>
            </a:lnSpc>
            <a:spcBef>
              <a:spcPct val="0"/>
            </a:spcBef>
            <a:spcAft>
              <a:spcPct val="15000"/>
            </a:spcAft>
            <a:buNone/>
          </a:pPr>
          <a:r>
            <a:rPr lang="en-US" sz="1400" kern="1200" dirty="0"/>
            <a:t>at 12:00</a:t>
          </a:r>
        </a:p>
      </dsp:txBody>
      <dsp:txXfrm>
        <a:off x="7486259" y="1541144"/>
        <a:ext cx="3465464" cy="2311717"/>
      </dsp:txXfrm>
    </dsp:sp>
    <dsp:sp modelId="{958696C8-44F7-0841-9CEB-6A98BE2FB57A}">
      <dsp:nvSpPr>
        <dsp:cNvPr id="0" name=""/>
        <dsp:cNvSpPr/>
      </dsp:nvSpPr>
      <dsp:spPr>
        <a:xfrm>
          <a:off x="7486259" y="0"/>
          <a:ext cx="3465464" cy="1541144"/>
        </a:xfrm>
        <a:prstGeom prst="rect">
          <a:avLst/>
        </a:prstGeom>
        <a:noFill/>
        <a:ln w="12700" cap="flat" cmpd="sng" algn="ctr">
          <a:noFill/>
          <a:prstDash val="solid"/>
          <a:miter lim="800000"/>
        </a:ln>
        <a:effectLst/>
        <a:sp3d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165100" rIns="342311" bIns="165100" numCol="1" spcCol="1270" anchor="ctr" anchorCtr="0">
          <a:noAutofit/>
        </a:bodyPr>
        <a:lstStyle/>
        <a:p>
          <a:pPr marL="0" lvl="0" indent="0" algn="l" defTabSz="2933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600" kern="1200"/>
            <a:t>03</a:t>
          </a:r>
        </a:p>
      </dsp:txBody>
      <dsp:txXfrm>
        <a:off x="7486259" y="0"/>
        <a:ext cx="3465464" cy="1541144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16/7/layout/LinearBlockProcessNumbered">
  <dgm:title val="Linear Block Process Numbered"/>
  <dgm:desc val="Used to show a progression; a timeline; sequential steps in a task, process, or workflow; or to emphasize movement or direction. Automatic numbers have been introduced to show the steps of the process. Level 1 text and Level 2 text both appears in a rectangle."/>
  <dgm:catLst>
    <dgm:cat type="process" pri="5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  <dgm:pt modelId="3">
          <dgm:prSet phldr="1"/>
        </dgm:pt>
        <dgm:pt modelId="31">
          <dgm:prSet phldr="1"/>
        </dgm:pt>
        <dgm:pt modelId="101" type="sibTrans" cxnId="4">
          <dgm:prSet phldrT="1"/>
          <dgm:t>
            <a:bodyPr/>
            <a:lstStyle/>
            <a:p>
              <a:r>
                <a:t>01</a:t>
              </a:r>
            </a:p>
          </dgm:t>
        </dgm:pt>
        <dgm:pt modelId="201" type="sibTrans" cxnId="5">
          <dgm:prSet phldrT="2"/>
          <dgm:t>
            <a:bodyPr/>
            <a:lstStyle/>
            <a:p>
              <a:r>
                <a:t>02</a:t>
              </a:r>
            </a:p>
          </dgm:t>
        </dgm:pt>
        <dgm:pt modelId="301" type="sibTrans" cxnId="6">
          <dgm:prSet phldrT="3"/>
          <dgm:t>
            <a:bodyPr/>
            <a:lstStyle/>
            <a:p>
              <a:r>
                <a:t>03</a:t>
              </a:r>
            </a:p>
          </dgm:t>
        </dgm:pt>
      </dgm:ptLst>
      <dgm:cxnLst>
        <dgm:cxn modelId="4" srcId="0" destId="1" srcOrd="0" destOrd="0" sibTransId="101"/>
        <dgm:cxn modelId="5" srcId="0" destId="2" srcOrd="1" destOrd="0" sibTransId="201"/>
        <dgm:cxn modelId="6" srcId="0" destId="3" srcOrd="2" destOrd="0" sibTransId="301"/>
        <dgm:cxn modelId="13" srcId="1" destId="11" srcOrd="0" destOrd="0"/>
        <dgm:cxn modelId="23" srcId="2" destId="21" srcOrd="0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animLvl val="lvl"/>
      <dgm:resizeHandles val="exact"/>
    </dgm:varLst>
    <dgm:alg type="lin">
      <dgm:param type="linDir" val="fromL"/>
      <dgm:param type="nodeVertAlign" val="t"/>
    </dgm:alg>
    <dgm:shape xmlns:r="http://schemas.openxmlformats.org/officeDocument/2006/relationships" r:blip="">
      <dgm:adjLst/>
    </dgm:shape>
    <dgm:presOf/>
    <dgm:constrLst>
      <dgm:constr type="h" for="ch" forName="compositeNode" refType="h"/>
      <dgm:constr type="w" for="ch" forName="compositeNode" refType="w"/>
      <dgm:constr type="w" for="des" forName="simulatedConn" refType="w" refFor="ch" refForName="compositeNode" fact="0.15"/>
      <dgm:constr type="h" for="des" forName="simulatedConn" refType="w" refFor="des" refForName="simulatedConn"/>
      <dgm:constr type="h" for="des" forName="vSp1" refType="w" refFor="ch" refForName="compositeNode" fact="0.8"/>
      <dgm:constr type="h" for="des" forName="vSp2" refType="w" refFor="ch" refForName="compositeNode" fact="0.07"/>
      <dgm:constr type="w" for="ch" forName="vProcSp" refType="w" refFor="des" refForName="simulatedConn" op="equ"/>
      <dgm:constr type="h" for="ch" forName="vProcSp" refType="h" refFor="ch" refForName="compositeNode" op="equ"/>
      <dgm:constr type="w" for="ch" forName="sibTrans" refType="w" refFor="ch" refForName="compositeNode" fact="0.08"/>
      <dgm:constr type="primFontSz" for="des" forName="sibTransNodeRect" op="equ"/>
      <dgm:constr type="primFontSz" for="des" forName="nodeRect" op="equ"/>
    </dgm:constrLst>
    <dgm:ruleLst/>
    <dgm:forEach name="Name4" axis="ch" ptType="node">
      <dgm:layoutNode name="compositeNode">
        <dgm:varLst>
          <dgm:bulletEnabled val="1"/>
        </dgm:varLst>
        <dgm:alg type="composite"/>
        <dgm:constrLst>
          <dgm:constr type="h" refType="w" op="lte" fact="1.2"/>
          <dgm:constr type="w" for="ch" forName="bgRect" refType="w"/>
          <dgm:constr type="h" for="ch" forName="bgRect" refType="h"/>
          <dgm:constr type="t" for="ch" forName="bgRect"/>
          <dgm:constr type="l" for="ch" forName="bgRect"/>
          <dgm:constr type="w" for="ch" forName="sibTransNodeRect" refType="w" refFor="ch" refForName="bgRect"/>
          <dgm:constr type="h" for="ch" forName="sibTransNodeRect" refType="h" refFor="ch" refForName="bgRect" fact="0.4"/>
          <dgm:constr type="t" for="ch" forName="sibTransNodeRect"/>
          <dgm:constr type="l" for="ch" forName="sibTransNodeRect"/>
          <dgm:constr type="r" for="ch" forName="nodeRect" refType="r" refFor="ch" refForName="bgRect"/>
          <dgm:constr type="h" for="ch" forName="nodeRect" refType="h" refFor="ch" refForName="bgRect" fact="0.6"/>
          <dgm:constr type="t" for="ch" forName="nodeRect" refType="b" refFor="ch" refForName="sibTransNodeRect"/>
          <dgm:constr type="l" for="ch" forName="nodeRect" refType="l" refFor="ch" refForName="bgRect"/>
        </dgm:constrLst>
        <dgm:ruleLst>
          <dgm:rule type="w" for="ch" forName="nodeRect" val="NaN" fact="NaN" max="30"/>
        </dgm:ruleLst>
        <dgm:layoutNode name="bgRect" styleLbl="alignNode1">
          <dgm:alg type="sp"/>
          <dgm:shape xmlns:r="http://schemas.openxmlformats.org/officeDocument/2006/relationships" type="rect" r:blip="">
            <dgm:adjLst>
              <dgm:adj idx="1" val="0.05"/>
            </dgm:adjLst>
          </dgm:shape>
          <dgm:presOf axis="self"/>
          <dgm:constrLst/>
          <dgm:ruleLst/>
        </dgm:layoutNode>
        <dgm:forEach name="Name19" axis="followSib" ptType="sibTrans" hideLastTrans="0" cnt="1">
          <dgm:layoutNode name="sibTransNodeRect" styleLbl="alignNode1">
            <dgm:varLst>
              <dgm:chMax val="0"/>
              <dgm:bulletEnabled val="1"/>
            </dgm:varLst>
            <dgm:presOf axis="self"/>
            <dgm:alg type="tx">
              <dgm:param type="parTxLTRAlign" val="l"/>
              <dgm:param type="parTxRTLAlign" val="l"/>
            </dgm:alg>
            <dgm:shape xmlns:r="http://schemas.openxmlformats.org/officeDocument/2006/relationships" type="rect" r:blip="" hideGeom="1">
              <dgm:adjLst/>
            </dgm:shape>
            <dgm:constrLst>
              <dgm:constr type="primFontSz" val="66"/>
              <dgm:constr type="tMarg" val="13"/>
              <dgm:constr type="lMarg" refType="w" fact="0.28"/>
              <dgm:constr type="rMarg" refType="w" fact="0.28"/>
              <dgm:constr type="bMarg" val="13"/>
            </dgm:constrLst>
            <dgm:ruleLst>
              <dgm:rule type="primFontSz" val="14" fact="NaN" max="NaN"/>
              <dgm:rule type="tMarg" val="13" fact="NaN" max="NaN"/>
            </dgm:ruleLst>
          </dgm:layoutNode>
        </dgm:forEach>
        <dgm:layoutNode name="nodeRect" styleLbl="alignNode1" moveWith="bgRect">
          <dgm:varLst>
            <dgm:bulletEnabled val="1"/>
          </dgm:varLst>
          <dgm:alg type="tx">
            <dgm:param type="parTxLTRAlign" val="l"/>
            <dgm:param type="parTxRTLAlign" val="r"/>
            <dgm:param type="txAnchorVert" val="t"/>
            <dgm:param type="stBulletLvl" val="2"/>
          </dgm:alg>
          <dgm:shape xmlns:r="http://schemas.openxmlformats.org/officeDocument/2006/relationships" type="rect" r:blip="" hideGeom="1">
            <dgm:adjLst/>
          </dgm:shape>
          <dgm:presOf axis="desOrSelf" ptType="node"/>
          <dgm:constrLst>
            <dgm:constr type="primFontSz" val="26"/>
            <dgm:constr type="tMarg"/>
            <dgm:constr type="lMarg" refType="w" fact="0.28"/>
            <dgm:constr type="rMarg" refType="w" fact="0.28"/>
            <dgm:constr type="bMarg" val="26"/>
          </dgm:constrLst>
          <dgm:ruleLst>
            <dgm:rule type="primFontSz" val="11" fact="NaN" max="NaN"/>
          </dgm:ruleLst>
        </dgm:layoutNode>
      </dgm:layoutNode>
      <dgm:forEach name="Name1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  <dgm:extLst>
    <a:ext uri="{4F341089-5ED1-44EC-B178-C955D00A3D55}">
      <dgm1611:autoBuNodeInfoLst xmlns:dgm1611="http://schemas.microsoft.com/office/drawing/2016/11/diagram">
        <dgm1611:autoBuNodeInfo lvl="1" ptType="sibTrans">
          <dgm1611:buPr prefix="" leadZeros="1">
            <a:buAutoNum type="arabicParenBoth"/>
          </dgm1611:buPr>
        </dgm1611:autoBuNodeInfo>
      </dgm1611:autoBuNodeInfoLst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9/02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  <a:p>
            <a:endParaRPr lang="en-DK" dirty="0"/>
          </a:p>
          <a:p>
            <a:r>
              <a:rPr lang="en-DK" dirty="0"/>
              <a:t>Det bliver brugt </a:t>
            </a:r>
            <a:r>
              <a:rPr lang="en-GB" dirty="0"/>
              <a:t>I</a:t>
            </a:r>
            <a:r>
              <a:rPr lang="en-DK" dirty="0"/>
              <a:t> vores kursus og senere </a:t>
            </a:r>
            <a:r>
              <a:rPr lang="en-GB" dirty="0"/>
              <a:t>I</a:t>
            </a:r>
            <a:r>
              <a:rPr lang="en-DK" dirty="0"/>
              <a:t> </a:t>
            </a:r>
            <a:r>
              <a:rPr lang="en-GB" dirty="0"/>
              <a:t>Big Data</a:t>
            </a:r>
          </a:p>
          <a:p>
            <a:r>
              <a:rPr lang="en-GB" dirty="0"/>
              <a:t>Et </a:t>
            </a:r>
            <a:r>
              <a:rPr lang="en-GB" dirty="0" err="1"/>
              <a:t>meget</a:t>
            </a:r>
            <a:r>
              <a:rPr lang="en-GB" dirty="0"/>
              <a:t> </a:t>
            </a:r>
            <a:r>
              <a:rPr lang="en-GB" dirty="0" err="1"/>
              <a:t>kendt</a:t>
            </a:r>
            <a:r>
              <a:rPr lang="en-GB" dirty="0"/>
              <a:t> queue system, der </a:t>
            </a:r>
            <a:r>
              <a:rPr lang="en-GB" dirty="0" err="1"/>
              <a:t>også</a:t>
            </a:r>
            <a:r>
              <a:rPr lang="en-GB" dirty="0"/>
              <a:t> </a:t>
            </a:r>
            <a:r>
              <a:rPr lang="en-GB" dirty="0" err="1"/>
              <a:t>bliver</a:t>
            </a:r>
            <a:r>
              <a:rPr lang="en-GB" dirty="0"/>
              <a:t> </a:t>
            </a:r>
            <a:r>
              <a:rPr lang="en-GB" dirty="0" err="1"/>
              <a:t>brugt</a:t>
            </a:r>
            <a:r>
              <a:rPr lang="en-GB" dirty="0"/>
              <a:t> I </a:t>
            </a:r>
            <a:r>
              <a:rPr lang="en-GB" dirty="0" err="1"/>
              <a:t>virkligheden</a:t>
            </a:r>
            <a:r>
              <a:rPr lang="en-GB" dirty="0"/>
              <a:t>.</a:t>
            </a:r>
          </a:p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076127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DK" dirty="0"/>
              <a:t>Intro to tactics and quality attribute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5011040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DK" dirty="0"/>
              <a:t>Demo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1954353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DK" dirty="0"/>
              <a:t>Exercise with consumer group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674928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599884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138702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7804625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e400f480-64cf-4078-8232-274cc007cd49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The Maersk Mc-Kinney Moller Institute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905f8844-75f1-4d71-b9aa-93aaf6f5acf8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February 2023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21c95691-785b-4090-8b40-1eb109d510bb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d3664285-11bc-4eee-8673-ea315274ef3f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February 2023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sp>
        <p:nvSpPr>
          <p:cNvPr id="2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1111C98B-FDA6-29B8-576D-8ED7F1856E2E}"/>
              </a:ext>
            </a:extLst>
          </p:cNvPr>
          <p:cNvSpPr txBox="1">
            <a:spLocks/>
          </p:cNvSpPr>
          <p:nvPr userDrawn="1"/>
        </p:nvSpPr>
        <p:spPr>
          <a:xfrm>
            <a:off x="7564600" y="6342357"/>
            <a:ext cx="2624806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5bf27cbb-08b3-47ca-b3e5-685a97b97289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The Maersk Mc-Kinney Moller Institute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2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FCF71D81-6471-9F51-2976-20A62A0ECB1F}"/>
              </a:ext>
            </a:extLst>
          </p:cNvPr>
          <p:cNvSpPr txBox="1">
            <a:spLocks/>
          </p:cNvSpPr>
          <p:nvPr userDrawn="1"/>
        </p:nvSpPr>
        <p:spPr>
          <a:xfrm>
            <a:off x="1339646" y="6335239"/>
            <a:ext cx="2775154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61d7e8ad-64ac-43f8-907d-5dc7e7128760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sp>
        <p:nvSpPr>
          <p:cNvPr id="4" name="date" descr="{&quot;templafy&quot;:{&quot;id&quot;:&quot;4977ec29-44ef-477d-819b-6ea7d6afc1a3&quot;}}" title="Form.Date">
            <a:extLst>
              <a:ext uri="{FF2B5EF4-FFF2-40B4-BE49-F238E27FC236}">
                <a16:creationId xmlns:a16="http://schemas.microsoft.com/office/drawing/2014/main" id="{5C7B6A7B-C644-D9AD-6ED6-40C12315F1C6}"/>
              </a:ext>
            </a:extLst>
          </p:cNvPr>
          <p:cNvSpPr/>
          <p:nvPr userDrawn="1"/>
        </p:nvSpPr>
        <p:spPr>
          <a:xfrm>
            <a:off x="8227548" y="6356727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February 2023</a:t>
            </a: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1F9C0064-6CA9-4B8D-03F5-F20F29DBC84F}"/>
              </a:ext>
            </a:extLst>
          </p:cNvPr>
          <p:cNvSpPr txBox="1"/>
          <p:nvPr userDrawn="1"/>
        </p:nvSpPr>
        <p:spPr>
          <a:xfrm>
            <a:off x="11587840" y="6248352"/>
            <a:ext cx="538419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fld id="{45D37B1E-C366-494F-A587-962AD9AABC83}" type="slidenum">
              <a:rPr lang="en-GB" sz="1400" b="1" smtClean="0"/>
              <a:pPr/>
              <a:t>‹#›</a:t>
            </a:fld>
            <a:endParaRPr lang="da-DK" sz="1400" b="1" dirty="0"/>
          </a:p>
        </p:txBody>
      </p:sp>
      <p:sp>
        <p:nvSpPr>
          <p:cNvPr id="6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D0BE920F-E96B-E707-8CAD-B12C488668D0}"/>
              </a:ext>
            </a:extLst>
          </p:cNvPr>
          <p:cNvSpPr txBox="1">
            <a:spLocks/>
          </p:cNvSpPr>
          <p:nvPr userDrawn="1"/>
        </p:nvSpPr>
        <p:spPr>
          <a:xfrm>
            <a:off x="1339646" y="6335239"/>
            <a:ext cx="2624806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text" descr="{&quot;templafy&quot;:{&quot;id&quot;:&quot;7883275b-c632-4673-be47-18e8974e5e65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5eb95cf3-e211-45ac-90b8-7ff67ec93dc9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sp>
        <p:nvSpPr>
          <p:cNvPr id="3" name="date" descr="{&quot;templafy&quot;:{&quot;id&quot;:&quot;4977ec29-44ef-477d-819b-6ea7d6afc1a3&quot;}}" title="Form.Date">
            <a:extLst>
              <a:ext uri="{FF2B5EF4-FFF2-40B4-BE49-F238E27FC236}">
                <a16:creationId xmlns:a16="http://schemas.microsoft.com/office/drawing/2014/main" id="{D4A46DE2-B6FD-3909-56C7-D2D9E93BD288}"/>
              </a:ext>
            </a:extLst>
          </p:cNvPr>
          <p:cNvSpPr/>
          <p:nvPr userDrawn="1"/>
        </p:nvSpPr>
        <p:spPr>
          <a:xfrm>
            <a:off x="8227548" y="6356727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February 2023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BD274E84-A04E-CFB4-F544-90EE8CA85F09}"/>
              </a:ext>
            </a:extLst>
          </p:cNvPr>
          <p:cNvSpPr txBox="1"/>
          <p:nvPr userDrawn="1"/>
        </p:nvSpPr>
        <p:spPr>
          <a:xfrm>
            <a:off x="11587840" y="6248352"/>
            <a:ext cx="538419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fld id="{45D37B1E-C366-494F-A587-962AD9AABC83}" type="slidenum">
              <a:rPr lang="en-GB" sz="1400" b="1" smtClean="0"/>
              <a:pPr/>
              <a:t>‹#›</a:t>
            </a:fld>
            <a:endParaRPr lang="da-DK" sz="1400" b="1" dirty="0"/>
          </a:p>
        </p:txBody>
      </p:sp>
      <p:sp>
        <p:nvSpPr>
          <p:cNvPr id="7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4626EA74-73E5-EA96-078A-186EC0DA415D}"/>
              </a:ext>
            </a:extLst>
          </p:cNvPr>
          <p:cNvSpPr txBox="1">
            <a:spLocks/>
          </p:cNvSpPr>
          <p:nvPr userDrawn="1"/>
        </p:nvSpPr>
        <p:spPr>
          <a:xfrm>
            <a:off x="1339646" y="6335239"/>
            <a:ext cx="2775154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4977ec29-44ef-477d-819b-6ea7d6afc1a3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8227548" y="6356727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February 2023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9/02/2023</a:t>
            </a:fld>
            <a:endParaRPr lang="en-GB" dirty="0"/>
          </a:p>
        </p:txBody>
      </p:sp>
      <p:sp>
        <p:nvSpPr>
          <p:cNvPr id="13" name="text" descr="{&quot;templafy&quot;:{&quot;id&quot;:&quot;11ecd844-875f-4970-9e39-cbf230e36a56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6A099FB5-10CF-8507-57A4-6E0C1F396F98}"/>
              </a:ext>
            </a:extLst>
          </p:cNvPr>
          <p:cNvSpPr txBox="1"/>
          <p:nvPr userDrawn="1"/>
        </p:nvSpPr>
        <p:spPr>
          <a:xfrm>
            <a:off x="11587840" y="6248352"/>
            <a:ext cx="538419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fld id="{45D37B1E-C366-494F-A587-962AD9AABC83}" type="slidenum">
              <a:rPr lang="en-GB" sz="1400" b="1" smtClean="0"/>
              <a:pPr/>
              <a:t>‹#›</a:t>
            </a:fld>
            <a:endParaRPr lang="da-DK" sz="1400" b="1" dirty="0"/>
          </a:p>
        </p:txBody>
      </p:sp>
      <p:sp>
        <p:nvSpPr>
          <p:cNvPr id="7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C0AB0BF3-B735-A655-836A-B2FC7637A819}"/>
              </a:ext>
            </a:extLst>
          </p:cNvPr>
          <p:cNvSpPr txBox="1">
            <a:spLocks/>
          </p:cNvSpPr>
          <p:nvPr userDrawn="1"/>
        </p:nvSpPr>
        <p:spPr>
          <a:xfrm>
            <a:off x="1339646" y="6335239"/>
            <a:ext cx="2624806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eg"/><Relationship Id="rId1" Type="http://schemas.openxmlformats.org/officeDocument/2006/relationships/slideLayout" Target="../slideLayouts/slideLayout1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18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youtube.com/playlist?list=PLa7VYi0yPIH0KbnJQcMv5N9iW8HkZHztH" TargetMode="External"/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10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7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3.xml"/><Relationship Id="rId7" Type="http://schemas.microsoft.com/office/2007/relationships/diagramDrawing" Target="../diagrams/drawing3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diagramColors" Target="../diagrams/colors3.xml"/><Relationship Id="rId5" Type="http://schemas.openxmlformats.org/officeDocument/2006/relationships/diagramQuickStyle" Target="../diagrams/quickStyle3.xml"/><Relationship Id="rId4" Type="http://schemas.openxmlformats.org/officeDocument/2006/relationships/diagramLayout" Target="../diagrams/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0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4.xml"/><Relationship Id="rId7" Type="http://schemas.microsoft.com/office/2007/relationships/diagramDrawing" Target="../diagrams/drawing4.xm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7.xml"/><Relationship Id="rId6" Type="http://schemas.openxmlformats.org/officeDocument/2006/relationships/diagramColors" Target="../diagrams/colors4.xml"/><Relationship Id="rId5" Type="http://schemas.openxmlformats.org/officeDocument/2006/relationships/diagramQuickStyle" Target="../diagrams/quickStyle4.xml"/><Relationship Id="rId4" Type="http://schemas.openxmlformats.org/officeDocument/2006/relationships/diagramLayout" Target="../diagrams/layout4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5.xml"/><Relationship Id="rId2" Type="http://schemas.openxmlformats.org/officeDocument/2006/relationships/diagramData" Target="../diagrams/data5.xml"/><Relationship Id="rId1" Type="http://schemas.openxmlformats.org/officeDocument/2006/relationships/slideLayout" Target="../slideLayouts/slideLayout7.xml"/><Relationship Id="rId6" Type="http://schemas.microsoft.com/office/2007/relationships/diagramDrawing" Target="../diagrams/drawing5.xml"/><Relationship Id="rId5" Type="http://schemas.openxmlformats.org/officeDocument/2006/relationships/diagramColors" Target="../diagrams/colors5.xml"/><Relationship Id="rId4" Type="http://schemas.openxmlformats.org/officeDocument/2006/relationships/diagramQuickStyle" Target="../diagrams/quickStyle5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6.xml"/><Relationship Id="rId7" Type="http://schemas.microsoft.com/office/2007/relationships/diagramDrawing" Target="../diagrams/drawing6.xm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7.xml"/><Relationship Id="rId6" Type="http://schemas.openxmlformats.org/officeDocument/2006/relationships/diagramColors" Target="../diagrams/colors6.xml"/><Relationship Id="rId5" Type="http://schemas.openxmlformats.org/officeDocument/2006/relationships/diagramQuickStyle" Target="../diagrams/quickStyle6.xml"/><Relationship Id="rId4" Type="http://schemas.openxmlformats.org/officeDocument/2006/relationships/diagramLayout" Target="../diagrams/layout6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7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1760373"/>
            <a:ext cx="11030471" cy="4070408"/>
          </a:xfrm>
        </p:spPr>
        <p:txBody>
          <a:bodyPr/>
          <a:lstStyle/>
          <a:p>
            <a:r>
              <a:rPr lang="en-GB" sz="6600" dirty="0"/>
              <a:t>Software Architecture (F23)</a:t>
            </a:r>
            <a:br>
              <a:rPr lang="en-GB" sz="6600" dirty="0"/>
            </a:br>
            <a:br>
              <a:rPr lang="en-GB" sz="6600" dirty="0"/>
            </a:br>
            <a:br>
              <a:rPr lang="en-GB" sz="6600" dirty="0"/>
            </a:br>
            <a:endParaRPr lang="en-GB" sz="66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en-GB" smtClean="0"/>
              <a:t>09/02/202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7" descr="An arrangement of a cookie design collection">
            <a:extLst>
              <a:ext uri="{FF2B5EF4-FFF2-40B4-BE49-F238E27FC236}">
                <a16:creationId xmlns:a16="http://schemas.microsoft.com/office/drawing/2014/main" id="{CC724A58-E84A-8704-6D5A-27274B292CD6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7047" r="20698" b="1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0B60C389-9C37-9473-2D2E-F099E74D640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en-DK" dirty="0"/>
              <a:t>Example!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80B8BA8-AA87-B732-3214-8348A173C89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202" y="3387600"/>
            <a:ext cx="4680000" cy="2466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dirty="0"/>
              <a:t>A Quality Control system to check the product quality of tea bags</a:t>
            </a:r>
          </a:p>
          <a:p>
            <a:pPr>
              <a:spcAft>
                <a:spcPts val="600"/>
              </a:spcAft>
            </a:pPr>
            <a:endParaRPr lang="en-GB" dirty="0"/>
          </a:p>
          <a:p>
            <a:pPr>
              <a:spcAft>
                <a:spcPts val="600"/>
              </a:spcAft>
            </a:pPr>
            <a:endParaRPr lang="en-DK" dirty="0"/>
          </a:p>
          <a:p>
            <a:pPr>
              <a:spcAft>
                <a:spcPts val="600"/>
              </a:spcAft>
            </a:pPr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BE5405-004C-B4F4-D97F-1AB1B915EB1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B1B29A3F-3481-9343-9F0B-56985C5B4E9E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B2B4BD9-1AFD-31E1-FCC3-0045CD4B034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2920611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29F187-137B-09F9-DA95-585CAD06BB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How is it related to this course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D1C22F-4D25-B6DF-4DF8-E1D483E79E9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FC9C885-39AE-2648-B6A9-BF19BED085A3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C4A3535-9EAF-439B-89F9-877FC7B044B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22C9E3-71F3-53D4-3200-0EB2E6A82E13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6A55749-0250-F6FF-367A-C9BBDEE4624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87576" y="2094931"/>
            <a:ext cx="5221472" cy="3260840"/>
          </a:xfrm>
          <a:prstGeom prst="rect">
            <a:avLst/>
          </a:prstGeom>
        </p:spPr>
      </p:pic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3DA9118-07F2-E824-DC8F-9FF358C855D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1989138"/>
            <a:ext cx="4168190" cy="3852862"/>
          </a:xfrm>
        </p:spPr>
        <p:txBody>
          <a:bodyPr/>
          <a:lstStyle/>
          <a:p>
            <a:r>
              <a:rPr lang="en-DK" dirty="0"/>
              <a:t>Apache Kafka implements a series of tactics to accommodate Quality Attributes</a:t>
            </a:r>
          </a:p>
          <a:p>
            <a:r>
              <a:rPr lang="en-DK" dirty="0"/>
              <a:t>Quality attributes are used to define software qualities like performance or availability</a:t>
            </a:r>
          </a:p>
          <a:p>
            <a:r>
              <a:rPr lang="en-DK" dirty="0"/>
              <a:t>Tactics are ways of implementing these qualities</a:t>
            </a:r>
          </a:p>
          <a:p>
            <a:r>
              <a:rPr lang="en-DK" dirty="0"/>
              <a:t>Use an Intermediary</a:t>
            </a:r>
          </a:p>
          <a:p>
            <a:pPr lvl="1"/>
            <a:r>
              <a:rPr lang="en-DK" dirty="0"/>
              <a:t>Kafka can act as an intermediary between services </a:t>
            </a:r>
          </a:p>
          <a:p>
            <a:pPr lvl="1"/>
            <a:r>
              <a:rPr lang="en-DK" dirty="0"/>
              <a:t>limit dependencies </a:t>
            </a:r>
          </a:p>
          <a:p>
            <a:pPr lvl="1"/>
            <a:r>
              <a:rPr lang="en-DK" dirty="0"/>
              <a:t>make it easier to integrate new services</a:t>
            </a:r>
          </a:p>
          <a:p>
            <a:r>
              <a:rPr lang="en-DK" dirty="0"/>
              <a:t>Restrict communication paths</a:t>
            </a:r>
          </a:p>
          <a:p>
            <a:pPr lvl="1"/>
            <a:r>
              <a:rPr lang="en-DK" dirty="0"/>
              <a:t>Kafka reduces communication complexity, as every service communicates through kafka</a:t>
            </a:r>
          </a:p>
          <a:p>
            <a:pPr lvl="1"/>
            <a:r>
              <a:rPr lang="en-DK" dirty="0"/>
              <a:t>Although topics have to managed</a:t>
            </a:r>
          </a:p>
          <a:p>
            <a:pPr marL="252000" lvl="1" indent="0">
              <a:buNone/>
            </a:pPr>
            <a:endParaRPr lang="en-DK" dirty="0"/>
          </a:p>
        </p:txBody>
      </p:sp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5D360038-1011-C668-A2F9-1074A5B4DB9B}"/>
              </a:ext>
            </a:extLst>
          </p:cNvPr>
          <p:cNvSpPr/>
          <p:nvPr/>
        </p:nvSpPr>
        <p:spPr>
          <a:xfrm>
            <a:off x="5787575" y="3969998"/>
            <a:ext cx="2180767" cy="701040"/>
          </a:xfrm>
          <a:prstGeom prst="roundRect">
            <a:avLst/>
          </a:prstGeom>
          <a:noFill/>
          <a:ln w="571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DK" sz="1600" dirty="0" err="1"/>
          </a:p>
        </p:txBody>
      </p:sp>
    </p:spTree>
    <p:extLst>
      <p:ext uri="{BB962C8B-B14F-4D97-AF65-F5344CB8AC3E}">
        <p14:creationId xmlns:p14="http://schemas.microsoft.com/office/powerpoint/2010/main" val="360105750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29F187-137B-09F9-DA95-585CAD06BB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How is it related to this course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D1C22F-4D25-B6DF-4DF8-E1D483E79E9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FC9C885-39AE-2648-B6A9-BF19BED085A3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C4A3535-9EAF-439B-89F9-877FC7B044B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22C9E3-71F3-53D4-3200-0EB2E6A82E13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6A55749-0250-F6FF-367A-C9BBDEE4624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22713" y="4137810"/>
            <a:ext cx="2218991" cy="1385773"/>
          </a:xfrm>
          <a:prstGeom prst="rect">
            <a:avLst/>
          </a:prstGeom>
        </p:spPr>
      </p:pic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3DA9118-07F2-E824-DC8F-9FF358C855D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1989138"/>
            <a:ext cx="4168190" cy="3852862"/>
          </a:xfrm>
        </p:spPr>
        <p:txBody>
          <a:bodyPr/>
          <a:lstStyle/>
          <a:p>
            <a:r>
              <a:rPr lang="en-DK" dirty="0"/>
              <a:t>Apache Kafka implements a series of tactics to accommodate Quality Attributes</a:t>
            </a:r>
          </a:p>
          <a:p>
            <a:r>
              <a:rPr lang="en-DK" dirty="0"/>
              <a:t>Introduce concurrency</a:t>
            </a:r>
          </a:p>
          <a:p>
            <a:pPr lvl="1"/>
            <a:r>
              <a:rPr lang="en-DK" dirty="0"/>
              <a:t>The ability to use consumer groups enables concurrent data analysis</a:t>
            </a:r>
          </a:p>
          <a:p>
            <a:pPr marL="252000" lvl="1" indent="0">
              <a:buNone/>
            </a:pPr>
            <a:endParaRPr lang="en-DK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0721A94-B67C-6304-6EA7-7D8B609E403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49747" y="2455424"/>
            <a:ext cx="4323618" cy="2920289"/>
          </a:xfrm>
          <a:prstGeom prst="rect">
            <a:avLst/>
          </a:prstGeom>
        </p:spPr>
      </p:pic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5D360038-1011-C668-A2F9-1074A5B4DB9B}"/>
              </a:ext>
            </a:extLst>
          </p:cNvPr>
          <p:cNvSpPr/>
          <p:nvPr/>
        </p:nvSpPr>
        <p:spPr>
          <a:xfrm>
            <a:off x="8541661" y="4090978"/>
            <a:ext cx="2180767" cy="252422"/>
          </a:xfrm>
          <a:prstGeom prst="roundRect">
            <a:avLst/>
          </a:prstGeom>
          <a:noFill/>
          <a:ln w="571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DK" sz="1600" dirty="0" err="1"/>
          </a:p>
        </p:txBody>
      </p:sp>
    </p:spTree>
    <p:extLst>
      <p:ext uri="{BB962C8B-B14F-4D97-AF65-F5344CB8AC3E}">
        <p14:creationId xmlns:p14="http://schemas.microsoft.com/office/powerpoint/2010/main" val="34239343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29F187-137B-09F9-DA95-585CAD06BB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How is it related to this course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D1C22F-4D25-B6DF-4DF8-E1D483E79E9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FC9C885-39AE-2648-B6A9-BF19BED085A3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C4A3535-9EAF-439B-89F9-877FC7B044B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22C9E3-71F3-53D4-3200-0EB2E6A82E13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6A55749-0250-F6FF-367A-C9BBDEE4624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40025" y="4604097"/>
            <a:ext cx="2218991" cy="1385773"/>
          </a:xfrm>
          <a:prstGeom prst="rect">
            <a:avLst/>
          </a:prstGeom>
        </p:spPr>
      </p:pic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3DA9118-07F2-E824-DC8F-9FF358C855D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1989138"/>
            <a:ext cx="4168190" cy="3852862"/>
          </a:xfrm>
        </p:spPr>
        <p:txBody>
          <a:bodyPr/>
          <a:lstStyle/>
          <a:p>
            <a:r>
              <a:rPr lang="en-DK" dirty="0"/>
              <a:t>Apache Kafka implements a series of tactics to accommodate Quality Attributes</a:t>
            </a:r>
          </a:p>
          <a:p>
            <a:r>
              <a:rPr lang="en-DK" dirty="0"/>
              <a:t>Redundant spare</a:t>
            </a:r>
          </a:p>
          <a:p>
            <a:pPr lvl="1"/>
            <a:r>
              <a:rPr lang="en-DK" dirty="0"/>
              <a:t>With a Cluster of three or more brokers, the failure of one broker does not necessarily introduce a problem</a:t>
            </a:r>
          </a:p>
          <a:p>
            <a:pPr lvl="1"/>
            <a:r>
              <a:rPr lang="en-DK" dirty="0"/>
              <a:t>This assumes that topics are replicated across the brokers</a:t>
            </a:r>
          </a:p>
          <a:p>
            <a:pPr marL="252000" lvl="1" indent="0">
              <a:buNone/>
            </a:pPr>
            <a:endParaRPr lang="en-DK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0721A94-B67C-6304-6EA7-7D8B609E403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120919" y="4308944"/>
            <a:ext cx="2269758" cy="1533056"/>
          </a:xfrm>
          <a:prstGeom prst="rect">
            <a:avLst/>
          </a:prstGeom>
        </p:spPr>
      </p:pic>
      <p:pic>
        <p:nvPicPr>
          <p:cNvPr id="8" name="Content Placeholder 8">
            <a:extLst>
              <a:ext uri="{FF2B5EF4-FFF2-40B4-BE49-F238E27FC236}">
                <a16:creationId xmlns:a16="http://schemas.microsoft.com/office/drawing/2014/main" id="{EFE5F5D1-E16E-92C2-1307-D57BDA0A64F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04015" y="1850824"/>
            <a:ext cx="3763260" cy="3852862"/>
          </a:xfrm>
          <a:prstGeom prst="rect">
            <a:avLst/>
          </a:prstGeom>
        </p:spPr>
      </p:pic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5D360038-1011-C668-A2F9-1074A5B4DB9B}"/>
              </a:ext>
            </a:extLst>
          </p:cNvPr>
          <p:cNvSpPr/>
          <p:nvPr/>
        </p:nvSpPr>
        <p:spPr>
          <a:xfrm>
            <a:off x="8395262" y="3774815"/>
            <a:ext cx="944764" cy="242014"/>
          </a:xfrm>
          <a:prstGeom prst="roundRect">
            <a:avLst/>
          </a:prstGeom>
          <a:noFill/>
          <a:ln w="571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DK" sz="1600" dirty="0" err="1"/>
          </a:p>
        </p:txBody>
      </p:sp>
    </p:spTree>
    <p:extLst>
      <p:ext uri="{BB962C8B-B14F-4D97-AF65-F5344CB8AC3E}">
        <p14:creationId xmlns:p14="http://schemas.microsoft.com/office/powerpoint/2010/main" val="58446372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3D black question marks with one yellow question mark">
            <a:extLst>
              <a:ext uri="{FF2B5EF4-FFF2-40B4-BE49-F238E27FC236}">
                <a16:creationId xmlns:a16="http://schemas.microsoft.com/office/drawing/2014/main" id="{789C5D9C-046B-CEF1-271F-5F3A16837C2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45203" r="22335" b="1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929F187-137B-09F9-DA95-585CAD06BB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en-DK" dirty="0"/>
              <a:t>Any Questions?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1E453E44-3CFD-BCD2-185B-361801598E9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3387600"/>
            <a:ext cx="4680000" cy="2466000"/>
          </a:xfrm>
        </p:spPr>
        <p:txBody>
          <a:bodyPr/>
          <a:lstStyle/>
          <a:p>
            <a:r>
              <a:rPr lang="en-US" dirty="0"/>
              <a:t>Optional: For a more detailed introduction, a Kafka 101 course by Confluent: </a:t>
            </a:r>
            <a:r>
              <a:rPr lang="en-US" dirty="0">
                <a:hlinkClick r:id="rId3"/>
              </a:rPr>
              <a:t>https://www.youtube.com/playlist?list=PLa7VYi0yPIH0KbnJQcMv5N9iW8HkZHztH</a:t>
            </a:r>
            <a:r>
              <a:rPr lang="en-US" dirty="0"/>
              <a:t> 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D1C22F-4D25-B6DF-4DF8-E1D483E79E97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FFC9C885-39AE-2648-B6A9-BF19BED085A3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22C9E3-71F3-53D4-3200-0EB2E6A82E13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9664478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Forklift lifting a container in the yard">
            <a:extLst>
              <a:ext uri="{FF2B5EF4-FFF2-40B4-BE49-F238E27FC236}">
                <a16:creationId xmlns:a16="http://schemas.microsoft.com/office/drawing/2014/main" id="{A736AD1E-3A24-DD30-8A99-A7B0E89D16A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1170" r="29463" b="-1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F8FEC8F3-F320-2019-7B2F-7AEE75562B5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en-DK" dirty="0"/>
              <a:t>Docker Compos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C53E63-6DC2-0493-6F94-2EE40F18D7C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3387600"/>
            <a:ext cx="4680000" cy="2466000"/>
          </a:xfrm>
        </p:spPr>
        <p:txBody>
          <a:bodyPr>
            <a:normAutofit/>
          </a:bodyPr>
          <a:lstStyle/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ocker Compose is a tool for defining and running multi-container Docker applications. 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Allows developers to define the services, networks, and volumes needed for an application in a single YAML file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Start, stop, and manage all the services with a single command.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Start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ocker compose up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Stop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ocker compose down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endParaRPr lang="en-DK" sz="120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C5970B2-65EA-2F0E-F7AB-D595A3512494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1C599A91-C2BF-7447-AC7D-741A897FF70B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08309AA-6077-90FB-0137-9C97741106FC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1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6847030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9127EC-AA18-CD60-20B4-FA0208C2E57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Kafka Exercise #1 – Whats going on?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9A7DD766-BD4F-FB42-682B-D6804632FD6F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6E396C-EFF3-2F2C-F0F1-0D5D061E2589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90292145-CBC0-6F42-8B17-D2EE6B117343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52D7523-1D5A-CA38-9D16-871478DC748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16</a:t>
            </a:fld>
            <a:endParaRPr lang="en-GB"/>
          </a:p>
        </p:txBody>
      </p:sp>
      <p:graphicFrame>
        <p:nvGraphicFramePr>
          <p:cNvPr id="8" name="Content Placeholder 2">
            <a:extLst>
              <a:ext uri="{FF2B5EF4-FFF2-40B4-BE49-F238E27FC236}">
                <a16:creationId xmlns:a16="http://schemas.microsoft.com/office/drawing/2014/main" id="{85511F83-8748-9E13-7AB0-E27B0E735026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3736356570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27472615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9127EC-AA18-CD60-20B4-FA0208C2E57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Kafka Exercise #2 – The Foundation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1580B762-13E9-5283-B097-1AAF2FD8174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6E396C-EFF3-2F2C-F0F1-0D5D061E2589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90292145-CBC0-6F42-8B17-D2EE6B117343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52D7523-1D5A-CA38-9D16-871478DC748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17</a:t>
            </a:fld>
            <a:endParaRPr lang="en-GB"/>
          </a:p>
        </p:txBody>
      </p:sp>
      <p:graphicFrame>
        <p:nvGraphicFramePr>
          <p:cNvPr id="10" name="Content Placeholder 2">
            <a:extLst>
              <a:ext uri="{FF2B5EF4-FFF2-40B4-BE49-F238E27FC236}">
                <a16:creationId xmlns:a16="http://schemas.microsoft.com/office/drawing/2014/main" id="{61DC85BF-6F78-A02B-94E6-D80734F40F3B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864032722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44675857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3 - The First Message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DK" b="1" dirty="0"/>
              <a:t>Do you choose .Net or Python? </a:t>
            </a:r>
          </a:p>
          <a:p>
            <a:r>
              <a:rPr lang="en-GB" dirty="0"/>
              <a:t>Publish one message per second, containing "{'test_key':'</a:t>
            </a:r>
            <a:r>
              <a:rPr lang="en-GB" dirty="0" err="1"/>
              <a:t>test_value</a:t>
            </a:r>
            <a:r>
              <a:rPr lang="en-GB" dirty="0"/>
              <a:t>'}"</a:t>
            </a:r>
          </a:p>
          <a:p>
            <a:r>
              <a:rPr lang="en-GB" dirty="0"/>
              <a:t>Use the template for the producer to send your input to a </a:t>
            </a:r>
            <a:r>
              <a:rPr lang="en-GB" dirty="0" err="1"/>
              <a:t>kafka</a:t>
            </a:r>
            <a:r>
              <a:rPr lang="en-GB" dirty="0"/>
              <a:t> topic</a:t>
            </a:r>
          </a:p>
          <a:p>
            <a:r>
              <a:rPr lang="en-GB" dirty="0"/>
              <a:t>Start the producer with the following commands: (assuming your terminal is located inside the producer directory)</a:t>
            </a:r>
          </a:p>
          <a:p>
            <a:pPr lvl="1"/>
            <a:r>
              <a:rPr lang="en-GB" dirty="0"/>
              <a:t>Build the docker image</a:t>
            </a:r>
          </a:p>
          <a:p>
            <a:pPr lvl="2"/>
            <a:r>
              <a:rPr lang="en-GB" dirty="0"/>
              <a:t>docker build . -t </a:t>
            </a:r>
            <a:r>
              <a:rPr lang="en-GB" dirty="0" err="1"/>
              <a:t>producer-client:latest</a:t>
            </a:r>
            <a:endParaRPr lang="en-GB" dirty="0"/>
          </a:p>
          <a:p>
            <a:pPr lvl="1"/>
            <a:r>
              <a:rPr lang="en-GB" dirty="0"/>
              <a:t>run the docker image</a:t>
            </a:r>
          </a:p>
          <a:p>
            <a:pPr lvl="2"/>
            <a:r>
              <a:rPr lang="en-GB" dirty="0"/>
              <a:t>docker run --rm -it --network </a:t>
            </a:r>
            <a:r>
              <a:rPr lang="en-GB" dirty="0" err="1"/>
              <a:t>shared_network</a:t>
            </a:r>
            <a:r>
              <a:rPr lang="en-GB" dirty="0"/>
              <a:t> --name producer producer-client</a:t>
            </a:r>
          </a:p>
          <a:p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3189546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4 - The First Message, Received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GB" dirty="0"/>
              <a:t>Subscribe to the topic you are publishing messages to!</a:t>
            </a:r>
          </a:p>
          <a:p>
            <a:r>
              <a:rPr lang="en-GB" dirty="0"/>
              <a:t>Modify the subscriber template to subscribe to the topic where your producer publishes the messages</a:t>
            </a:r>
          </a:p>
          <a:p>
            <a:r>
              <a:rPr lang="en-GB" dirty="0"/>
              <a:t>Start the consumer with the following commands (assuming your terminal is located inside the consumer directory)</a:t>
            </a:r>
          </a:p>
          <a:p>
            <a:pPr lvl="1"/>
            <a:r>
              <a:rPr lang="en-GB" dirty="0"/>
              <a:t>Build the docker image</a:t>
            </a:r>
          </a:p>
          <a:p>
            <a:pPr lvl="2"/>
            <a:r>
              <a:rPr lang="en-GB" dirty="0"/>
              <a:t>docker build . -t </a:t>
            </a:r>
            <a:r>
              <a:rPr lang="en-GB" dirty="0" err="1"/>
              <a:t>consumer-client:latest</a:t>
            </a:r>
            <a:endParaRPr lang="en-GB" dirty="0"/>
          </a:p>
          <a:p>
            <a:pPr lvl="1"/>
            <a:r>
              <a:rPr lang="en-GB" dirty="0"/>
              <a:t>run the docker image</a:t>
            </a:r>
          </a:p>
          <a:p>
            <a:pPr lvl="2"/>
            <a:r>
              <a:rPr lang="en-GB" dirty="0"/>
              <a:t>docker run --rm -it --network </a:t>
            </a:r>
            <a:r>
              <a:rPr lang="en-GB" dirty="0" err="1"/>
              <a:t>shared_network</a:t>
            </a:r>
            <a:r>
              <a:rPr lang="en-GB" dirty="0"/>
              <a:t> --name consumer consumer-client</a:t>
            </a:r>
          </a:p>
          <a:p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9614896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A page in a planner">
            <a:extLst>
              <a:ext uri="{FF2B5EF4-FFF2-40B4-BE49-F238E27FC236}">
                <a16:creationId xmlns:a16="http://schemas.microsoft.com/office/drawing/2014/main" id="{9C24F9DD-4778-70EE-4A1C-DCF7F0FCBEB0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13895" r="26739" b="-1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1E514C65-2125-28F1-3C85-937BB3F663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en-DK" dirty="0"/>
              <a:t>Agenda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CDBBFA0-2D16-B153-71FD-54BA6F97F9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753873" y="2898843"/>
            <a:ext cx="4680000" cy="2466000"/>
          </a:xfrm>
        </p:spPr>
        <p:txBody>
          <a:bodyPr/>
          <a:lstStyle/>
          <a:p>
            <a:r>
              <a:rPr lang="en-US" dirty="0"/>
              <a:t>This session is recorded!</a:t>
            </a:r>
          </a:p>
          <a:p>
            <a:r>
              <a:rPr lang="en-US" dirty="0"/>
              <a:t>We are interested in feedback!</a:t>
            </a:r>
          </a:p>
          <a:p>
            <a:r>
              <a:rPr lang="en-US" dirty="0"/>
              <a:t>Introduction to the publish subscribe pattern, including Apache Kafka</a:t>
            </a:r>
          </a:p>
          <a:p>
            <a:pPr lvl="1"/>
            <a:r>
              <a:rPr lang="en-US" dirty="0"/>
              <a:t>Used later on in the course! And used in future courses!</a:t>
            </a:r>
          </a:p>
          <a:p>
            <a:r>
              <a:rPr lang="en-US" dirty="0"/>
              <a:t>Hands-on exercises with Kafka</a:t>
            </a:r>
          </a:p>
          <a:p>
            <a:r>
              <a:rPr lang="en-US" dirty="0"/>
              <a:t>Architectural Exercises</a:t>
            </a:r>
          </a:p>
          <a:p>
            <a:pPr lvl="1"/>
            <a:r>
              <a:rPr lang="en-US" dirty="0"/>
              <a:t>Select a software system </a:t>
            </a:r>
          </a:p>
          <a:p>
            <a:pPr lvl="1"/>
            <a:r>
              <a:rPr lang="en-US" dirty="0"/>
              <a:t>Describe its mission</a:t>
            </a:r>
          </a:p>
          <a:p>
            <a:pPr lvl="1"/>
            <a:r>
              <a:rPr lang="en-US" dirty="0"/>
              <a:t>Document the system, i.e. create views describing you system</a:t>
            </a:r>
          </a:p>
          <a:p>
            <a:pPr lvl="1"/>
            <a:r>
              <a:rPr lang="en-US" dirty="0"/>
              <a:t>Create a PowerPoint and provide feedback</a:t>
            </a:r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EBAED4B-C290-B93B-C01E-697B6F56FE95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D29F421F-CED3-0941-A2B2-EDD6CC4713F8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E38DE9A-7DB3-6B49-FCFF-193D80C0CA69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5353123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5 (Optional) - The First Book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GB" dirty="0"/>
              <a:t>Change the producer to read from a file and publish one line per second</a:t>
            </a:r>
            <a:endParaRPr lang="en-DK" dirty="0"/>
          </a:p>
          <a:p>
            <a:r>
              <a:rPr lang="en-GB" dirty="0"/>
              <a:t>Modify the producer template to read from </a:t>
            </a:r>
            <a:r>
              <a:rPr lang="en-GB" dirty="0" err="1"/>
              <a:t>alice</a:t>
            </a:r>
            <a:r>
              <a:rPr lang="en-GB" dirty="0"/>
              <a:t>-in-</a:t>
            </a:r>
            <a:r>
              <a:rPr lang="en-GB" dirty="0" err="1"/>
              <a:t>wonderland.txt</a:t>
            </a:r>
            <a:r>
              <a:rPr lang="en-GB" dirty="0"/>
              <a:t> file and publish the content one line at a time to a </a:t>
            </a:r>
            <a:r>
              <a:rPr lang="en-GB" dirty="0" err="1"/>
              <a:t>kafka</a:t>
            </a:r>
            <a:r>
              <a:rPr lang="en-GB" dirty="0"/>
              <a:t> topic.</a:t>
            </a:r>
          </a:p>
          <a:p>
            <a:pPr lvl="1"/>
            <a:r>
              <a:rPr lang="en-GB" dirty="0"/>
              <a:t>modify it to publish 1 line per second. </a:t>
            </a:r>
          </a:p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5706812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6 (Optional) - The First Book, Received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2258080"/>
            <a:ext cx="10952580" cy="3852862"/>
          </a:xfrm>
        </p:spPr>
        <p:txBody>
          <a:bodyPr/>
          <a:lstStyle/>
          <a:p>
            <a:r>
              <a:rPr lang="en-GB" dirty="0"/>
              <a:t>Write the received data to a file.</a:t>
            </a:r>
          </a:p>
          <a:p>
            <a:r>
              <a:rPr lang="en-GB" dirty="0"/>
              <a:t>Modify the subscriber template to write the received data into a file called 'the-rabbit-</a:t>
            </a:r>
            <a:r>
              <a:rPr lang="en-GB" dirty="0" err="1"/>
              <a:t>hole.txt</a:t>
            </a:r>
            <a:r>
              <a:rPr lang="en-GB" dirty="0"/>
              <a:t>'</a:t>
            </a:r>
          </a:p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0069952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7 – Oh no, too many messages! We need help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2258080"/>
            <a:ext cx="10952580" cy="3852862"/>
          </a:xfrm>
        </p:spPr>
        <p:txBody>
          <a:bodyPr/>
          <a:lstStyle/>
          <a:p>
            <a:r>
              <a:rPr lang="en-GB" dirty="0"/>
              <a:t>Go into the Kafka UI (localhost:8088) and if it exists, delete the topic </a:t>
            </a:r>
            <a:r>
              <a:rPr lang="en-GB" dirty="0" err="1"/>
              <a:t>foobar</a:t>
            </a:r>
            <a:endParaRPr lang="en-GB" dirty="0"/>
          </a:p>
          <a:p>
            <a:r>
              <a:rPr lang="en-GB" dirty="0"/>
              <a:t>Then create a new topic called </a:t>
            </a:r>
            <a:r>
              <a:rPr lang="en-GB" dirty="0" err="1"/>
              <a:t>foobar</a:t>
            </a:r>
            <a:r>
              <a:rPr lang="en-GB" dirty="0"/>
              <a:t>, but this time, set “partitions” to 3</a:t>
            </a:r>
          </a:p>
          <a:p>
            <a:pPr lvl="1"/>
            <a:r>
              <a:rPr lang="en-GB" dirty="0"/>
              <a:t>Why do we have to do that?</a:t>
            </a:r>
          </a:p>
          <a:p>
            <a:r>
              <a:rPr lang="en-GB" dirty="0"/>
              <a:t>Create two consumers, that are in the same consumer group</a:t>
            </a:r>
          </a:p>
          <a:p>
            <a:r>
              <a:rPr lang="en-GB" dirty="0"/>
              <a:t>You can do this by starting two consumer docker containers of the consumer you just created</a:t>
            </a:r>
          </a:p>
          <a:p>
            <a:r>
              <a:rPr lang="en-GB" dirty="0"/>
              <a:t>Start consumer #1 with the following commands (assuming your terminal is located inside the consumer directory)</a:t>
            </a:r>
          </a:p>
          <a:p>
            <a:pPr lvl="1"/>
            <a:r>
              <a:rPr lang="en-GB" dirty="0"/>
              <a:t>Build the docker image</a:t>
            </a:r>
          </a:p>
          <a:p>
            <a:pPr lvl="2"/>
            <a:r>
              <a:rPr lang="en-GB" dirty="0"/>
              <a:t>docker build . -t </a:t>
            </a:r>
            <a:r>
              <a:rPr lang="en-GB" dirty="0" err="1"/>
              <a:t>consumer-client:latest</a:t>
            </a:r>
            <a:endParaRPr lang="en-GB" dirty="0"/>
          </a:p>
          <a:p>
            <a:pPr lvl="1"/>
            <a:r>
              <a:rPr lang="en-GB" dirty="0"/>
              <a:t>run the docker image</a:t>
            </a:r>
          </a:p>
          <a:p>
            <a:pPr lvl="2"/>
            <a:r>
              <a:rPr lang="en-GB" dirty="0"/>
              <a:t>docker run --rm -it --network </a:t>
            </a:r>
            <a:r>
              <a:rPr lang="en-GB" dirty="0" err="1"/>
              <a:t>shared_network</a:t>
            </a:r>
            <a:r>
              <a:rPr lang="en-GB" dirty="0"/>
              <a:t> --name consumer consumer-client</a:t>
            </a:r>
          </a:p>
          <a:p>
            <a:r>
              <a:rPr lang="en-GB" dirty="0"/>
              <a:t>Start consumer #2 with the following commands (assuming your terminal is located inside the consumer directory)</a:t>
            </a:r>
          </a:p>
          <a:p>
            <a:pPr lvl="1"/>
            <a:r>
              <a:rPr lang="en-GB" dirty="0"/>
              <a:t>run the docker image</a:t>
            </a:r>
          </a:p>
          <a:p>
            <a:pPr lvl="2"/>
            <a:r>
              <a:rPr lang="en-GB" dirty="0"/>
              <a:t>docker run --rm -it --network </a:t>
            </a:r>
            <a:r>
              <a:rPr lang="en-GB" dirty="0" err="1"/>
              <a:t>shared_network</a:t>
            </a:r>
            <a:r>
              <a:rPr lang="en-GB" dirty="0"/>
              <a:t> --name consumer2 consumer-client</a:t>
            </a:r>
          </a:p>
          <a:p>
            <a:r>
              <a:rPr lang="en-GB" dirty="0"/>
              <a:t>Manipulate the producer to send a continuous stream of data, e.g. numbers, to the </a:t>
            </a:r>
            <a:r>
              <a:rPr lang="en-GB" dirty="0" err="1"/>
              <a:t>foobar</a:t>
            </a:r>
            <a:r>
              <a:rPr lang="en-GB" dirty="0"/>
              <a:t> topic</a:t>
            </a:r>
          </a:p>
          <a:p>
            <a:r>
              <a:rPr lang="en-GB" dirty="0"/>
              <a:t>Look at the output of the consumers, what happens?</a:t>
            </a:r>
          </a:p>
          <a:p>
            <a:r>
              <a:rPr lang="en-GB" dirty="0"/>
              <a:t>Why is this important/relevant?</a:t>
            </a:r>
          </a:p>
          <a:p>
            <a:pPr lvl="1"/>
            <a:endParaRPr lang="en-GB" dirty="0"/>
          </a:p>
          <a:p>
            <a:endParaRPr lang="en-GB" dirty="0"/>
          </a:p>
          <a:p>
            <a:pPr lvl="1"/>
            <a:endParaRPr lang="en-GB" dirty="0"/>
          </a:p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608924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6 – Oh no, a broker died! </a:t>
            </a:r>
            <a:r>
              <a:rPr lang="en-GB" dirty="0"/>
              <a:t>W</a:t>
            </a:r>
            <a:r>
              <a:rPr lang="en-DK" dirty="0"/>
              <a:t>hat happen</a:t>
            </a:r>
            <a:r>
              <a:rPr lang="en-GB" dirty="0"/>
              <a:t>s now?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2258080"/>
            <a:ext cx="10952580" cy="3852862"/>
          </a:xfrm>
        </p:spPr>
        <p:txBody>
          <a:bodyPr/>
          <a:lstStyle/>
          <a:p>
            <a:r>
              <a:rPr lang="en-GB" dirty="0"/>
              <a:t>This scenario will primarily use the UI tool to visualize the effect.</a:t>
            </a:r>
          </a:p>
          <a:p>
            <a:r>
              <a:rPr lang="en-GB" dirty="0"/>
              <a:t>Start by deleting the </a:t>
            </a:r>
            <a:r>
              <a:rPr lang="en-GB" dirty="0" err="1"/>
              <a:t>foobar</a:t>
            </a:r>
            <a:r>
              <a:rPr lang="en-GB" dirty="0"/>
              <a:t> topic created earlier</a:t>
            </a:r>
          </a:p>
          <a:p>
            <a:r>
              <a:rPr lang="en-GB" dirty="0"/>
              <a:t>Now create the </a:t>
            </a:r>
            <a:r>
              <a:rPr lang="en-GB" dirty="0" err="1"/>
              <a:t>foobar</a:t>
            </a:r>
            <a:r>
              <a:rPr lang="en-GB" dirty="0"/>
              <a:t> topic again, but with 3 partitions and 3 replicas.</a:t>
            </a:r>
          </a:p>
          <a:p>
            <a:r>
              <a:rPr lang="en-GB" dirty="0"/>
              <a:t>Now the topic is replicated across all brokers</a:t>
            </a:r>
          </a:p>
          <a:p>
            <a:pPr lvl="1"/>
            <a:r>
              <a:rPr lang="en-GB" dirty="0"/>
              <a:t>Can you have more replicas? Why? Why not? Try it out!</a:t>
            </a:r>
          </a:p>
          <a:p>
            <a:r>
              <a:rPr lang="en-GB" dirty="0"/>
              <a:t>Now look at the topic and specifically the partitions (in the partitions tab)</a:t>
            </a:r>
          </a:p>
          <a:p>
            <a:pPr lvl="1"/>
            <a:r>
              <a:rPr lang="en-GB" dirty="0"/>
              <a:t>Who are the leading brokers for each partition?</a:t>
            </a:r>
          </a:p>
          <a:p>
            <a:r>
              <a:rPr lang="en-GB" dirty="0"/>
              <a:t>Try to create some messages</a:t>
            </a:r>
          </a:p>
          <a:p>
            <a:r>
              <a:rPr lang="en-GB" dirty="0"/>
              <a:t>Now kill a broker!</a:t>
            </a:r>
          </a:p>
          <a:p>
            <a:pPr lvl="1"/>
            <a:r>
              <a:rPr lang="en-GB" dirty="0"/>
              <a:t>Open your </a:t>
            </a:r>
            <a:r>
              <a:rPr lang="en-GB" dirty="0" err="1"/>
              <a:t>favorite</a:t>
            </a:r>
            <a:r>
              <a:rPr lang="en-GB" dirty="0"/>
              <a:t> command line tool</a:t>
            </a:r>
          </a:p>
          <a:p>
            <a:pPr lvl="1"/>
            <a:r>
              <a:rPr lang="en-GB" dirty="0"/>
              <a:t>Insert: </a:t>
            </a:r>
          </a:p>
          <a:p>
            <a:pPr lvl="2"/>
            <a:r>
              <a:rPr lang="en-GB" dirty="0"/>
              <a:t>Docker stop kafka3</a:t>
            </a:r>
          </a:p>
          <a:p>
            <a:pPr lvl="1"/>
            <a:r>
              <a:rPr lang="en-GB" dirty="0"/>
              <a:t>Now one of the three </a:t>
            </a:r>
            <a:r>
              <a:rPr lang="en-GB" dirty="0" err="1"/>
              <a:t>kafka</a:t>
            </a:r>
            <a:r>
              <a:rPr lang="en-GB" dirty="0"/>
              <a:t> instances will die</a:t>
            </a:r>
          </a:p>
          <a:p>
            <a:r>
              <a:rPr lang="en-GB" dirty="0"/>
              <a:t>Are your messages still available?</a:t>
            </a:r>
          </a:p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238648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2E55BB-0792-9491-F5A8-61B88A153F0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Architecture Exercise #1</a:t>
            </a:r>
          </a:p>
        </p:txBody>
      </p:sp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64772A74-08D3-1122-2C2D-2740EB32158E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21D33AE-951F-FCB4-C3B5-A59BCB519747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0A0091F4-19FF-CB44-B7C6-8370C738D4C0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0EBFDB3-4D25-BBB2-05B8-54EC4F5C9D9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24</a:t>
            </a:fld>
            <a:endParaRPr lang="en-GB"/>
          </a:p>
        </p:txBody>
      </p:sp>
      <p:graphicFrame>
        <p:nvGraphicFramePr>
          <p:cNvPr id="17" name="Content Placeholder 2">
            <a:extLst>
              <a:ext uri="{FF2B5EF4-FFF2-40B4-BE49-F238E27FC236}">
                <a16:creationId xmlns:a16="http://schemas.microsoft.com/office/drawing/2014/main" id="{01D50451-D6F8-DC65-FE34-727970880B18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1185261425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18909252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2E55BB-0792-9491-F5A8-61B88A153F0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Architecture Exercise #2</a:t>
            </a:r>
          </a:p>
        </p:txBody>
      </p:sp>
      <p:sp>
        <p:nvSpPr>
          <p:cNvPr id="23" name="Footer Placeholder 4">
            <a:extLst>
              <a:ext uri="{FF2B5EF4-FFF2-40B4-BE49-F238E27FC236}">
                <a16:creationId xmlns:a16="http://schemas.microsoft.com/office/drawing/2014/main" id="{C4EA1488-B887-DD33-1E2B-4FB5A7A0F73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21D33AE-951F-FCB4-C3B5-A59BCB519747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0A0091F4-19FF-CB44-B7C6-8370C738D4C0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0EBFDB3-4D25-BBB2-05B8-54EC4F5C9D9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25</a:t>
            </a:fld>
            <a:endParaRPr lang="en-GB"/>
          </a:p>
        </p:txBody>
      </p:sp>
      <p:graphicFrame>
        <p:nvGraphicFramePr>
          <p:cNvPr id="7" name="Content Placeholder 2">
            <a:extLst>
              <a:ext uri="{FF2B5EF4-FFF2-40B4-BE49-F238E27FC236}">
                <a16:creationId xmlns:a16="http://schemas.microsoft.com/office/drawing/2014/main" id="{541C33F7-3874-B4AE-0497-95E9E9CE91A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325443682"/>
              </p:ext>
            </p:extLst>
          </p:nvPr>
        </p:nvGraphicFramePr>
        <p:xfrm>
          <a:off x="414696" y="1700213"/>
          <a:ext cx="10952580" cy="414178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88364493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2E55BB-0792-9491-F5A8-61B88A153F0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Architecture Exercise #3</a:t>
            </a:r>
          </a:p>
        </p:txBody>
      </p:sp>
      <p:sp>
        <p:nvSpPr>
          <p:cNvPr id="14" name="Footer Placeholder 4">
            <a:extLst>
              <a:ext uri="{FF2B5EF4-FFF2-40B4-BE49-F238E27FC236}">
                <a16:creationId xmlns:a16="http://schemas.microsoft.com/office/drawing/2014/main" id="{0B5ED656-C0B0-B175-585B-C2638CCA13F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21D33AE-951F-FCB4-C3B5-A59BCB51974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0A0091F4-19FF-CB44-B7C6-8370C738D4C0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0EBFDB3-4D25-BBB2-05B8-54EC4F5C9D9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26</a:t>
            </a:fld>
            <a:endParaRPr lang="en-GB"/>
          </a:p>
        </p:txBody>
      </p:sp>
      <p:graphicFrame>
        <p:nvGraphicFramePr>
          <p:cNvPr id="15" name="Content Placeholder 2">
            <a:extLst>
              <a:ext uri="{FF2B5EF4-FFF2-40B4-BE49-F238E27FC236}">
                <a16:creationId xmlns:a16="http://schemas.microsoft.com/office/drawing/2014/main" id="{74437F3C-C343-0DA4-AF9D-806D5825891C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3551836339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262168405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C9D56AE-5F8E-1BE1-3C8C-2F302E162FD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End of Presentation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07F73BC-23C6-BD53-B06B-949A5F0A596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D79DA285-5F6C-4FD7-9C68-91CEDE0D25AD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1B4EFE61-A091-A247-F449-3FC15D949564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814612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68B5221-BB3F-64FA-26F0-60461EED219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Context</a:t>
            </a:r>
          </a:p>
        </p:txBody>
      </p:sp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B50F5AC9-1C19-A8E9-869D-1BFC6C64A094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graphicFrame>
        <p:nvGraphicFramePr>
          <p:cNvPr id="8" name="Content Placeholder 5">
            <a:extLst>
              <a:ext uri="{FF2B5EF4-FFF2-40B4-BE49-F238E27FC236}">
                <a16:creationId xmlns:a16="http://schemas.microsoft.com/office/drawing/2014/main" id="{9BD9E512-1B42-93BE-11BD-2DF93B43462D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517882700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84540551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2" descr="Publish-Subscribe Pattern: The Most Used Patterns in JavaScript | by  bytefish | Frontend Canteen | Medium">
            <a:extLst>
              <a:ext uri="{FF2B5EF4-FFF2-40B4-BE49-F238E27FC236}">
                <a16:creationId xmlns:a16="http://schemas.microsoft.com/office/drawing/2014/main" id="{E8015BFC-73AA-19E9-82A4-35B6A1B4E1B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0" y="2247260"/>
            <a:ext cx="6099300" cy="2363479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749A5484-8B87-7FD7-DE4F-FFDB3627EC2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en-GB" dirty="0"/>
              <a:t>What is the publish subscribe pattern?</a:t>
            </a:r>
            <a:endParaRPr lang="en-DK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EAEE87E-D29F-DFDF-B89A-B1527653AD7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3387600"/>
            <a:ext cx="4680000" cy="2466000"/>
          </a:xfrm>
        </p:spPr>
        <p:txBody>
          <a:bodyPr>
            <a:normAutofit/>
          </a:bodyPr>
          <a:lstStyle/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Publish-subscribe pattern uses topics/channels for messaging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Sender (publisher) sends message to topic, multiple receivers (subscribers) can receive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ecoupling of publisher and subscribers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ynamic addition/removal of subscribers without affecting publisher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Enables parallel processing and load balancing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Can be implemented using message queues, event buses, and other messaging systems.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Used to implement event-driven architectures.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endParaRPr lang="en-DK" sz="120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163BC53-9CB8-27D0-CC5A-112FF464E825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F638A722-1F2B-354E-845E-475078771DFF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8E31920-407E-A57B-5530-7F5038361F0A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224824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A9A89E7-C863-1D6B-0515-45689E2EE90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anchor="t">
            <a:normAutofit/>
          </a:bodyPr>
          <a:lstStyle/>
          <a:p>
            <a:r>
              <a:rPr lang="en-DK" dirty="0"/>
              <a:t>What is Apache Kafka?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B0F054A-C81C-99C3-7861-594FEDC8627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>
            <a:normAutofit/>
          </a:bodyPr>
          <a:lstStyle/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Broad Overview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More detailed introduction in the 7th Semester, i.e. in Big Data and Data Technologies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A technology that is widely used in the industry (e.g. Uber)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A server, that enables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GB" sz="1200" dirty="0"/>
              <a:t>T</a:t>
            </a:r>
            <a:r>
              <a:rPr lang="en-DK" sz="1200" dirty="0"/>
              <a:t>o publish and subscribe to streams of records, i.e. a message queue.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Store streams of records in a </a:t>
            </a:r>
            <a:r>
              <a:rPr lang="en-DK" sz="1200" b="1" dirty="0"/>
              <a:t>fault tolerant </a:t>
            </a:r>
            <a:r>
              <a:rPr lang="en-DK" sz="1200" dirty="0"/>
              <a:t>way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Wide Language Support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Libraries for languages like Go, .Net, Java, Python etc.</a:t>
            </a:r>
          </a:p>
        </p:txBody>
      </p:sp>
      <p:pic>
        <p:nvPicPr>
          <p:cNvPr id="7" name="Picture 2" descr="Apache Kafka Architecture - Getting Started with Apache Kafka | by Kerem  Kargın | Analytics Vidhya | Medium">
            <a:extLst>
              <a:ext uri="{FF2B5EF4-FFF2-40B4-BE49-F238E27FC236}">
                <a16:creationId xmlns:a16="http://schemas.microsoft.com/office/drawing/2014/main" id="{750B5410-7AA8-638D-2840-22C90810814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22432" y="1897465"/>
            <a:ext cx="5077365" cy="3059112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32BDA41D-4780-9367-D370-38FCBBD3DC1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9176936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D779104-A56C-1CED-10EA-B0F3F95970A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How does Kafka implement the pattern?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53F835-4FCF-B4A0-CFD5-6B1F7AC74095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DK" dirty="0"/>
              <a:t>Producers</a:t>
            </a:r>
          </a:p>
          <a:p>
            <a:pPr lvl="1"/>
            <a:r>
              <a:rPr lang="en-GB" dirty="0"/>
              <a:t>P</a:t>
            </a:r>
            <a:r>
              <a:rPr lang="en-DK" dirty="0"/>
              <a:t>ublish without knowing the receiver</a:t>
            </a:r>
          </a:p>
          <a:p>
            <a:r>
              <a:rPr lang="en-DK" dirty="0"/>
              <a:t>Subscribers</a:t>
            </a:r>
          </a:p>
          <a:p>
            <a:pPr lvl="1"/>
            <a:r>
              <a:rPr lang="en-GB" dirty="0"/>
              <a:t>S</a:t>
            </a:r>
            <a:r>
              <a:rPr lang="en-DK" dirty="0"/>
              <a:t>ubscribe to a topic and wait for data</a:t>
            </a:r>
          </a:p>
          <a:p>
            <a:r>
              <a:rPr lang="en-DK" dirty="0"/>
              <a:t>Topics</a:t>
            </a:r>
          </a:p>
          <a:p>
            <a:pPr lvl="1"/>
            <a:r>
              <a:rPr lang="en-GB" dirty="0"/>
              <a:t>Identified by a name</a:t>
            </a:r>
          </a:p>
          <a:p>
            <a:pPr lvl="1"/>
            <a:r>
              <a:rPr lang="en-GB" dirty="0"/>
              <a:t>Number of topics are not limited</a:t>
            </a:r>
          </a:p>
          <a:p>
            <a:pPr lvl="1"/>
            <a:r>
              <a:rPr lang="en-GB" dirty="0"/>
              <a:t>Has a partition size</a:t>
            </a:r>
          </a:p>
          <a:p>
            <a:pPr lvl="1"/>
            <a:r>
              <a:rPr lang="en-GB" dirty="0"/>
              <a:t>With a replication factor</a:t>
            </a:r>
            <a:endParaRPr lang="en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8CFB1B5-52B4-EC8B-6D45-F4262A418AB8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1AEFF60-4D72-E04F-926B-DB5A91632B1E}" type="datetime1">
              <a:rPr lang="en-GB" smtClean="0"/>
              <a:t>09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140F94E-EA0C-41E9-C822-64945C085DF3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5D26897-B6F6-ED09-5E57-4614A959D57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10" name="Picture 2">
            <a:extLst>
              <a:ext uri="{FF2B5EF4-FFF2-40B4-BE49-F238E27FC236}">
                <a16:creationId xmlns:a16="http://schemas.microsoft.com/office/drawing/2014/main" id="{8F7166B5-8027-5AC6-732D-86F33E9A579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395951" y="1844574"/>
            <a:ext cx="5261504" cy="25279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79790740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7E8539-4F42-E016-F8F2-B6FF89328F40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anchor="t">
            <a:normAutofit/>
          </a:bodyPr>
          <a:lstStyle/>
          <a:p>
            <a:r>
              <a:rPr lang="en-DK" dirty="0"/>
              <a:t>Increasing Availabilit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801895-0B8B-FED3-3FEE-51737FB3391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>
            <a:normAutofit/>
          </a:bodyPr>
          <a:lstStyle/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We have a cluster with three brokers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A topic with three partitions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A replication factor of 2</a:t>
            </a:r>
          </a:p>
        </p:txBody>
      </p:sp>
      <p:pic>
        <p:nvPicPr>
          <p:cNvPr id="7" name="Picture 4">
            <a:extLst>
              <a:ext uri="{FF2B5EF4-FFF2-40B4-BE49-F238E27FC236}">
                <a16:creationId xmlns:a16="http://schemas.microsoft.com/office/drawing/2014/main" id="{ACAB7C4F-B4A2-81FD-6D0D-8C33A52CEB6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22432" y="1256447"/>
            <a:ext cx="5077365" cy="4341148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5C568DB3-AE8B-5A3D-2AAB-C880C5F2B532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B66E2DA-4C1C-9545-D07B-4F543A08AD48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98E14F0D-615D-A64C-AF9D-88858BBE7960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2CB8FFB-EA2D-6BCD-8CF1-58228B854F69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7</a:t>
            </a:fld>
            <a:endParaRPr lang="en-GB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EDCA3763-B171-7CF3-D4A0-3160C6299F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30865" y="1881656"/>
            <a:ext cx="3048001" cy="1446370"/>
          </a:xfrm>
          <a:prstGeom prst="rect">
            <a:avLst/>
          </a:prstGeom>
        </p:spPr>
      </p:pic>
      <p:sp>
        <p:nvSpPr>
          <p:cNvPr id="13" name="Rounded Rectangle 12">
            <a:extLst>
              <a:ext uri="{FF2B5EF4-FFF2-40B4-BE49-F238E27FC236}">
                <a16:creationId xmlns:a16="http://schemas.microsoft.com/office/drawing/2014/main" id="{9FD2F2B2-6AB7-0341-FD28-641196C0DFAE}"/>
              </a:ext>
            </a:extLst>
          </p:cNvPr>
          <p:cNvSpPr/>
          <p:nvPr/>
        </p:nvSpPr>
        <p:spPr>
          <a:xfrm>
            <a:off x="4270735" y="2284317"/>
            <a:ext cx="1150165" cy="575733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DK" sz="1600" dirty="0"/>
              <a:t>Producer</a:t>
            </a:r>
          </a:p>
        </p:txBody>
      </p:sp>
    </p:spTree>
    <p:extLst>
      <p:ext uri="{BB962C8B-B14F-4D97-AF65-F5344CB8AC3E}">
        <p14:creationId xmlns:p14="http://schemas.microsoft.com/office/powerpoint/2010/main" val="418748992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60C389-9C37-9473-2D2E-F099E74D640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anchor="t">
            <a:normAutofit/>
          </a:bodyPr>
          <a:lstStyle/>
          <a:p>
            <a:r>
              <a:rPr lang="en-DK" dirty="0"/>
              <a:t>Produc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80B8BA8-AA87-B732-3214-8348A173C89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DK" dirty="0"/>
              <a:t>Producer</a:t>
            </a:r>
          </a:p>
          <a:p>
            <a:pPr lvl="1">
              <a:spcAft>
                <a:spcPts val="600"/>
              </a:spcAft>
            </a:pPr>
            <a:r>
              <a:rPr lang="en-DK" sz="1600" dirty="0"/>
              <a:t>Write to a topic</a:t>
            </a:r>
          </a:p>
          <a:p>
            <a:pPr lvl="1">
              <a:spcAft>
                <a:spcPts val="600"/>
              </a:spcAft>
            </a:pPr>
            <a:r>
              <a:rPr lang="en-GB" sz="1600" dirty="0"/>
              <a:t>Producers can create topics and define the replication factor and partitions</a:t>
            </a:r>
          </a:p>
          <a:p>
            <a:pPr>
              <a:spcAft>
                <a:spcPts val="600"/>
              </a:spcAft>
            </a:pPr>
            <a:endParaRPr lang="en-DK" dirty="0"/>
          </a:p>
          <a:p>
            <a:pPr>
              <a:spcAft>
                <a:spcPts val="600"/>
              </a:spcAft>
            </a:pPr>
            <a:endParaRPr lang="en-DK" dirty="0"/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91039968-7543-32DE-1627-57F17E9B746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22432" y="2455975"/>
            <a:ext cx="5077365" cy="1942093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C09DB7CF-CFF5-5F4D-2EB5-7FC508C1290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BE5405-004C-B4F4-D97F-1AB1B915EB1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B1B29A3F-3481-9343-9F0B-56985C5B4E9E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B2B4BD9-1AFD-31E1-FCC3-0045CD4B034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7547943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60C389-9C37-9473-2D2E-F099E74D640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anchor="t">
            <a:normAutofit/>
          </a:bodyPr>
          <a:lstStyle/>
          <a:p>
            <a:r>
              <a:rPr lang="en-DK" dirty="0"/>
              <a:t>Consumer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80B8BA8-AA87-B732-3214-8348A173C89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dirty="0"/>
              <a:t>Consumer</a:t>
            </a:r>
          </a:p>
          <a:p>
            <a:pPr lvl="1">
              <a:spcAft>
                <a:spcPts val="600"/>
              </a:spcAft>
            </a:pPr>
            <a:r>
              <a:rPr lang="en-GB" sz="1600" dirty="0"/>
              <a:t>Reads from the beginning or a specific offset. </a:t>
            </a:r>
          </a:p>
          <a:p>
            <a:pPr lvl="1">
              <a:spcAft>
                <a:spcPts val="600"/>
              </a:spcAft>
            </a:pPr>
            <a:r>
              <a:rPr lang="en-GB" sz="1600" dirty="0"/>
              <a:t>Offset is saved in the Kafka broker.</a:t>
            </a:r>
          </a:p>
          <a:p>
            <a:pPr lvl="1">
              <a:spcAft>
                <a:spcPts val="600"/>
              </a:spcAft>
            </a:pPr>
            <a:r>
              <a:rPr lang="en-GB" sz="1600" dirty="0"/>
              <a:t>Belongs to a </a:t>
            </a:r>
            <a:r>
              <a:rPr lang="en-GB" sz="1600" b="1" dirty="0"/>
              <a:t>consumer group</a:t>
            </a:r>
          </a:p>
          <a:p>
            <a:pPr>
              <a:spcAft>
                <a:spcPts val="600"/>
              </a:spcAft>
            </a:pPr>
            <a:r>
              <a:rPr lang="en-GB" sz="1800" dirty="0"/>
              <a:t>Imagine one consumer is not able to handle all the data, what can be done?</a:t>
            </a:r>
          </a:p>
          <a:p>
            <a:pPr>
              <a:spcAft>
                <a:spcPts val="600"/>
              </a:spcAft>
            </a:pPr>
            <a:endParaRPr lang="en-GB" dirty="0"/>
          </a:p>
          <a:p>
            <a:pPr>
              <a:spcAft>
                <a:spcPts val="600"/>
              </a:spcAft>
            </a:pPr>
            <a:endParaRPr lang="en-DK" dirty="0"/>
          </a:p>
          <a:p>
            <a:pPr>
              <a:spcAft>
                <a:spcPts val="600"/>
              </a:spcAft>
            </a:pPr>
            <a:endParaRPr lang="en-DK" dirty="0"/>
          </a:p>
        </p:txBody>
      </p:sp>
      <p:pic>
        <p:nvPicPr>
          <p:cNvPr id="8" name="Picture 6">
            <a:extLst>
              <a:ext uri="{FF2B5EF4-FFF2-40B4-BE49-F238E27FC236}">
                <a16:creationId xmlns:a16="http://schemas.microsoft.com/office/drawing/2014/main" id="{FEE949FF-5CDA-B2B7-1E79-D452719D606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22434" y="2546807"/>
            <a:ext cx="5077365" cy="1764385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D4E13DBA-29E2-D6FE-5360-83DA34418F4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BE5405-004C-B4F4-D97F-1AB1B915EB1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B1B29A3F-3481-9343-9F0B-56985C5B4E9E}" type="datetime1">
              <a:rPr lang="en-GB" smtClean="0"/>
              <a:pPr>
                <a:spcAft>
                  <a:spcPts val="600"/>
                </a:spcAft>
              </a:pPr>
              <a:t>09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B2B4BD9-1AFD-31E1-FCC3-0045CD4B034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6383899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type":"shape","id":"4977ec29-44ef-477d-819b-6ea7d6afc1a3","elementConfiguration":{"format":"{{DateFormats.MonthYear}}","binding":"Form.Date","disableUpdates":false,"type":"date"}},{"type":"shape","id":"11ecd844-875f-4970-9e39-cbf230e36a56","elementConfiguration":{"binding":"UserProfile.Institut.InstituteDCU_{{DocumentLanguage}}","disableUpdates":false,"type":"text"}},{"type":"shape","id":"5eb95cf3-e211-45ac-90b8-7ff67ec93dc9","elementConfiguration":{"binding":"UserProfile.Institut.InstituteDCU_{{DocumentLanguage}}","disableUpdates":false,"type":"text"}},{"type":"shape","id":"5ad53d89-6978-4894-8bca-65268657c52b","elementConfiguration":{"format":"{{DateFormats.MonthYear}}","binding":"Form.Date","disableUpdates":false,"type":"date"}},{"type":"shape","id":"61d7e8ad-64ac-43f8-907d-5dc7e7128760","elementConfiguration":{"binding":"UserProfile.Institut.InstituteDCU_{{DocumentLanguage}}","disableUpdates":false,"type":"text"}},{"type":"shape","id":"7c9e1993-7543-4440-904c-2ed7d875dff1","elementConfiguration":{"format":"{{DateFormats.MonthYear}}","binding":"Form.Date","disableUpdates":false,"type":"date"}},{"type":"shape","id":"e400f480-64cf-4078-8232-274cc007cd49","elementConfiguration":{"binding":"UserProfile.Institut.InstituteDCU_{{DocumentLanguage}}","disableUpdates":false,"type":"text"}},{"type":"shape","id":"905f8844-75f1-4d71-b9aa-93aaf6f5acf8","elementConfiguration":{"format":"{{DateFormats.MonthYear}}","binding":"Form.Date","disableUpdates":false,"type":"date"}},{"type":"shape","id":"f5450791-7b36-4d13-94fd-25e09e9d328f","elementConfiguration":{"format":"{{DateFormats.MonthYear}}","binding":"Form.Date","disableUpdates":false,"type":"date"}},{"type":"shape","id":"7883275b-c632-4673-be47-18e8974e5e65","elementConfiguration":{"binding":"UserProfile.Institut.InstituteDCU_{{DocumentLanguage}}","disableUpdates":false,"type":"text"}},{"type":"shape","id":"5bf27cbb-08b3-47ca-b3e5-685a97b97289","elementConfiguration":{"binding":"UserProfile.Institut.InstituteDCU_{{DocumentLanguage}}","disableUpdates":false,"type":"text"}},{"type":"shape","id":"21c95691-785b-4090-8b40-1eb109d510bb","elementConfiguration":{"binding":"UserProfile.Institut.InstituteDCU_{{DocumentLanguage}}","disableUpdates":false,"type":"text"}},{"type":"shape","id":"d3664285-11bc-4eee-8673-ea315274ef3f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D04C7946D07C74F9BAE8083B1C78804" ma:contentTypeVersion="4" ma:contentTypeDescription="Create a new document." ma:contentTypeScope="" ma:versionID="7f81a431ea44ccf70e5044aeba65f78d">
  <xsd:schema xmlns:xsd="http://www.w3.org/2001/XMLSchema" xmlns:xs="http://www.w3.org/2001/XMLSchema" xmlns:p="http://schemas.microsoft.com/office/2006/metadata/properties" xmlns:ns2="15569304-0419-4c28-b27b-9d16963fbae9" xmlns:ns3="1ec1df65-20cb-4816-9e44-03ce4425f66c" targetNamespace="http://schemas.microsoft.com/office/2006/metadata/properties" ma:root="true" ma:fieldsID="df94119eaa86206bb646c93aaa257b3d" ns2:_="" ns3:_="">
    <xsd:import namespace="15569304-0419-4c28-b27b-9d16963fbae9"/>
    <xsd:import namespace="1ec1df65-20cb-4816-9e44-03ce4425f66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5569304-0419-4c28-b27b-9d16963fbae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ec1df65-20cb-4816-9e44-03ce4425f66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Bn2mo22gdMz/i228aQtNRA=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48605997-63E6-42CC-B588-FD8F0E459E3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80A386E5-FB57-411F-ACEC-E4C4608EF981}">
  <ds:schemaRefs/>
</ds:datastoreItem>
</file>

<file path=customXml/itemProps4.xml><?xml version="1.0" encoding="utf-8"?>
<ds:datastoreItem xmlns:ds="http://schemas.openxmlformats.org/officeDocument/2006/customXml" ds:itemID="{F3C1376E-B77A-4B5B-B85E-AA2B94BEC46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5569304-0419-4c28-b27b-9d16963fbae9"/>
    <ds:schemaRef ds:uri="1ec1df65-20cb-4816-9e44-03ce4425f66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5CD5A01-6378-494D-B71B-D23DEC9A120C}">
  <ds:schemaRefs/>
</ds:datastoreItem>
</file>

<file path=customXml/itemProps6.xml><?xml version="1.0" encoding="utf-8"?>
<ds:datastoreItem xmlns:ds="http://schemas.openxmlformats.org/officeDocument/2006/customXml" ds:itemID="{43723FED-A2E0-415E-8B28-139637BC092B}">
  <ds:schemaRefs/>
</ds:datastoreItem>
</file>

<file path=customXml/itemProps7.xml><?xml version="1.0" encoding="utf-8"?>
<ds:datastoreItem xmlns:ds="http://schemas.openxmlformats.org/officeDocument/2006/customXml" ds:itemID="{5C5FC446-2B36-4F2E-8237-B141579E9E94}">
  <ds:schemaRefs>
    <ds:schemaRef ds:uri="1ec1df65-20cb-4816-9e44-03ce4425f66c"/>
    <ds:schemaRef ds:uri="http://www.w3.org/XML/1998/namespace"/>
    <ds:schemaRef ds:uri="http://schemas.microsoft.com/office/infopath/2007/PartnerControls"/>
    <ds:schemaRef ds:uri="http://purl.org/dc/terms/"/>
    <ds:schemaRef ds:uri="15569304-0419-4c28-b27b-9d16963fbae9"/>
    <ds:schemaRef ds:uri="http://purl.org/dc/elements/1.1/"/>
    <ds:schemaRef ds:uri="http://schemas.microsoft.com/office/2006/documentManagement/types"/>
    <ds:schemaRef ds:uri="http://schemas.microsoft.com/office/2006/metadata/properties"/>
    <ds:schemaRef ds:uri="http://schemas.openxmlformats.org/package/2006/metadata/core-properties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926</Words>
  <Application>Microsoft Macintosh PowerPoint</Application>
  <PresentationFormat>Widescreen</PresentationFormat>
  <Paragraphs>260</Paragraphs>
  <Slides>27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7</vt:i4>
      </vt:variant>
    </vt:vector>
  </HeadingPairs>
  <TitlesOfParts>
    <vt:vector size="30" baseType="lpstr">
      <vt:lpstr>Arial</vt:lpstr>
      <vt:lpstr>Wingdings</vt:lpstr>
      <vt:lpstr>Blank</vt:lpstr>
      <vt:lpstr>Software Architecture (F23)   </vt:lpstr>
      <vt:lpstr>Agenda</vt:lpstr>
      <vt:lpstr>Context</vt:lpstr>
      <vt:lpstr>What is the publish subscribe pattern?</vt:lpstr>
      <vt:lpstr>What is Apache Kafka?</vt:lpstr>
      <vt:lpstr>How does Kafka implement the pattern?</vt:lpstr>
      <vt:lpstr>Increasing Availability</vt:lpstr>
      <vt:lpstr>Producer</vt:lpstr>
      <vt:lpstr>Consumers</vt:lpstr>
      <vt:lpstr>Example! </vt:lpstr>
      <vt:lpstr>How is it related to this course?</vt:lpstr>
      <vt:lpstr>How is it related to this course?</vt:lpstr>
      <vt:lpstr>How is it related to this course?</vt:lpstr>
      <vt:lpstr>Any Questions?</vt:lpstr>
      <vt:lpstr>Docker Compose</vt:lpstr>
      <vt:lpstr>Kafka Exercise #1 – Whats going on?</vt:lpstr>
      <vt:lpstr>Kafka Exercise #2 – The Foundation</vt:lpstr>
      <vt:lpstr>Kafka Exercise #3 - The First Message!</vt:lpstr>
      <vt:lpstr>Kafka Exercise #4 - The First Message, Received!</vt:lpstr>
      <vt:lpstr>Kafka Exercise #5 (Optional) - The First Book!</vt:lpstr>
      <vt:lpstr>Kafka Exercise #6 (Optional) - The First Book, Received!</vt:lpstr>
      <vt:lpstr>Kafka Exercise #7 – Oh no, too many messages! We need help!</vt:lpstr>
      <vt:lpstr>Kafka Exercise #6 – Oh no, a broker died! What happens now?</vt:lpstr>
      <vt:lpstr>Architecture Exercise #1</vt:lpstr>
      <vt:lpstr>Architecture Exercise #2</vt:lpstr>
      <vt:lpstr>Architecture Exercise #3</vt:lpstr>
      <vt:lpstr>End of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oftwarearkitektur (F22)  Introduction</dc:title>
  <dc:creator/>
  <cp:lastModifiedBy/>
  <cp:revision>1</cp:revision>
  <dcterms:created xsi:type="dcterms:W3CDTF">2019-01-15T10:32:39Z</dcterms:created>
  <dcterms:modified xsi:type="dcterms:W3CDTF">2023-02-09T10:20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648788048154602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6D04C7946D07C74F9BAE8083B1C78804</vt:lpwstr>
  </property>
</Properties>
</file>